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codeName="ThisWorkbook" defaultThemeVersion="124226"/>
  <mc:AlternateContent xmlns:mc="http://schemas.openxmlformats.org/markup-compatibility/2006">
    <mc:Choice Requires="x15">
      <x15ac:absPath xmlns:x15ac="http://schemas.microsoft.com/office/spreadsheetml/2010/11/ac" url="P:\18_幼児教育無償化関連\ホームページ\様式\ホームページ用\"/>
    </mc:Choice>
  </mc:AlternateContent>
  <xr:revisionPtr revIDLastSave="0" documentId="13_ncr:1_{ED265EAD-6BCB-47AA-9E7C-016E15827995}" xr6:coauthVersionLast="47" xr6:coauthVersionMax="47" xr10:uidLastSave="{00000000-0000-0000-0000-000000000000}"/>
  <bookViews>
    <workbookView xWindow="-120" yWindow="-120" windowWidth="29040" windowHeight="15840" tabRatio="701" xr2:uid="{00000000-000D-0000-FFFF-FFFF00000000}"/>
  </bookViews>
  <sheets>
    <sheet name="診断書（看護介護用）" sheetId="41" r:id="rId1"/>
  </sheets>
  <externalReferences>
    <externalReference r:id="rId2"/>
    <externalReference r:id="rId3"/>
  </externalReferences>
  <definedNames>
    <definedName name="価格" localSheetId="0">[1]Sheet1!$C:$C</definedName>
    <definedName name="価格">[2]Sheet1!$C:$C</definedName>
    <definedName name="金額" localSheetId="0">[1]Sheet1!$E:$E</definedName>
    <definedName name="金額">[2]Sheet1!$E:$E</definedName>
    <definedName name="個数" localSheetId="0">[1]Sheet1!$D:$D</definedName>
    <definedName name="個数">[2]Sheet1!$D:$D</definedName>
    <definedName name="消費税率" localSheetId="0">[1]Sheet1!$F$1</definedName>
    <definedName name="消費税率">[2]Sheet1!$F$1</definedName>
  </definedNames>
  <calcPr calcId="191029"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1" uniqueCount="61">
  <si>
    <t>生年月日</t>
    <rPh sb="0" eb="2">
      <t>セイネン</t>
    </rPh>
    <rPh sb="2" eb="4">
      <t>ガッピ</t>
    </rPh>
    <phoneticPr fontId="10"/>
  </si>
  <si>
    <t>性別</t>
    <rPh sb="0" eb="2">
      <t>セイベツ</t>
    </rPh>
    <phoneticPr fontId="10"/>
  </si>
  <si>
    <t>入所（入所申込）児童名</t>
    <rPh sb="0" eb="2">
      <t>ニュウショ</t>
    </rPh>
    <rPh sb="3" eb="5">
      <t>ニュウショ</t>
    </rPh>
    <rPh sb="5" eb="7">
      <t>モウシコミ</t>
    </rPh>
    <rPh sb="8" eb="10">
      <t>ジドウ</t>
    </rPh>
    <rPh sb="10" eb="11">
      <t>メイ</t>
    </rPh>
    <phoneticPr fontId="10"/>
  </si>
  <si>
    <t>生 年 月 日</t>
    <rPh sb="0" eb="1">
      <t>セイ</t>
    </rPh>
    <rPh sb="2" eb="3">
      <t>ネン</t>
    </rPh>
    <rPh sb="4" eb="5">
      <t>ガツ</t>
    </rPh>
    <rPh sb="6" eb="7">
      <t>ニチ</t>
    </rPh>
    <phoneticPr fontId="10"/>
  </si>
  <si>
    <t>施 設 名</t>
    <rPh sb="0" eb="1">
      <t>シ</t>
    </rPh>
    <rPh sb="2" eb="3">
      <t>セツ</t>
    </rPh>
    <rPh sb="4" eb="5">
      <t>メイ</t>
    </rPh>
    <phoneticPr fontId="10"/>
  </si>
  <si>
    <t>男 ・ 女</t>
    <rPh sb="0" eb="1">
      <t>オトコ</t>
    </rPh>
    <rPh sb="4" eb="5">
      <t>オンナ</t>
    </rPh>
    <phoneticPr fontId="10"/>
  </si>
  <si>
    <t>H
R　　</t>
    <phoneticPr fontId="10"/>
  </si>
  <si>
    <t>　　　年　 　　月　 　　日生</t>
    <rPh sb="3" eb="4">
      <t>ネン</t>
    </rPh>
    <rPh sb="8" eb="9">
      <t>ガツ</t>
    </rPh>
    <rPh sb="13" eb="14">
      <t>ニチ</t>
    </rPh>
    <rPh sb="14" eb="15">
      <t>ショウ</t>
    </rPh>
    <phoneticPr fontId="10"/>
  </si>
  <si>
    <t xml:space="preserve"> 〔診断を受ける方〕</t>
    <rPh sb="2" eb="4">
      <t>シンダン</t>
    </rPh>
    <rPh sb="5" eb="6">
      <t>ウ</t>
    </rPh>
    <rPh sb="8" eb="9">
      <t>カタ</t>
    </rPh>
    <phoneticPr fontId="10"/>
  </si>
  <si>
    <t>氏名</t>
    <rPh sb="0" eb="2">
      <t>シメイ</t>
    </rPh>
    <phoneticPr fontId="10"/>
  </si>
  <si>
    <t>：</t>
    <phoneticPr fontId="10"/>
  </si>
  <si>
    <t>児童との続柄：</t>
    <rPh sb="0" eb="2">
      <t>ジドウ</t>
    </rPh>
    <rPh sb="4" eb="5">
      <t>ツヅ</t>
    </rPh>
    <rPh sb="5" eb="6">
      <t>ガラ</t>
    </rPh>
    <phoneticPr fontId="10"/>
  </si>
  <si>
    <t>　</t>
    <phoneticPr fontId="10"/>
  </si>
  <si>
    <t>住所</t>
    <rPh sb="0" eb="2">
      <t>ジュウショ</t>
    </rPh>
    <phoneticPr fontId="10"/>
  </si>
  <si>
    <t>電話番号</t>
    <rPh sb="0" eb="2">
      <t>デンワ</t>
    </rPh>
    <rPh sb="2" eb="4">
      <t>バンゴウ</t>
    </rPh>
    <phoneticPr fontId="10"/>
  </si>
  <si>
    <t>　〔初診年月日〕</t>
    <rPh sb="2" eb="4">
      <t>ショシン</t>
    </rPh>
    <rPh sb="4" eb="7">
      <t>ネンガッピ</t>
    </rPh>
    <phoneticPr fontId="10"/>
  </si>
  <si>
    <t>　〔病　　　　名〕</t>
    <rPh sb="2" eb="3">
      <t>ビョウ</t>
    </rPh>
    <rPh sb="7" eb="8">
      <t>メイ</t>
    </rPh>
    <phoneticPr fontId="10"/>
  </si>
  <si>
    <t>昭 ・ 平 ・ 令　　　 年　　　月　　　日</t>
    <rPh sb="13" eb="14">
      <t>ネン</t>
    </rPh>
    <rPh sb="17" eb="18">
      <t>ガツ</t>
    </rPh>
    <rPh sb="21" eb="22">
      <t>ニチ</t>
    </rPh>
    <phoneticPr fontId="10"/>
  </si>
  <si>
    <t>　〔症　　　　状〕</t>
    <rPh sb="2" eb="3">
      <t>ショウ</t>
    </rPh>
    <rPh sb="7" eb="8">
      <t>ジョウ</t>
    </rPh>
    <phoneticPr fontId="10"/>
  </si>
  <si>
    <t>　〔療　養　期　間〕</t>
    <rPh sb="2" eb="3">
      <t>リョウ</t>
    </rPh>
    <rPh sb="4" eb="5">
      <t>ヨウ</t>
    </rPh>
    <rPh sb="6" eb="7">
      <t>キ</t>
    </rPh>
    <rPh sb="8" eb="9">
      <t>アイダ</t>
    </rPh>
    <phoneticPr fontId="10"/>
  </si>
  <si>
    <t>平成・令和　　　　　年　　　　　　　月　　　　　　日から</t>
    <rPh sb="0" eb="2">
      <t>ヘイセイ</t>
    </rPh>
    <rPh sb="3" eb="4">
      <t>レイ</t>
    </rPh>
    <rPh sb="4" eb="5">
      <t>ワ</t>
    </rPh>
    <rPh sb="10" eb="11">
      <t>ネン</t>
    </rPh>
    <rPh sb="18" eb="19">
      <t>ガツ</t>
    </rPh>
    <rPh sb="25" eb="26">
      <t>ニチ</t>
    </rPh>
    <phoneticPr fontId="10"/>
  </si>
  <si>
    <t>平成・令和　　　　　年　　　　　　　月　　　　　　日まで</t>
    <rPh sb="0" eb="2">
      <t>ヘイセイ</t>
    </rPh>
    <rPh sb="3" eb="4">
      <t>レイ</t>
    </rPh>
    <rPh sb="4" eb="5">
      <t>ワ</t>
    </rPh>
    <rPh sb="10" eb="11">
      <t>ネン</t>
    </rPh>
    <rPh sb="18" eb="19">
      <t>ガツ</t>
    </rPh>
    <rPh sb="25" eb="26">
      <t>ニチ</t>
    </rPh>
    <phoneticPr fontId="10"/>
  </si>
  <si>
    <t>　〔所　　　　見〕</t>
    <rPh sb="2" eb="3">
      <t>トコロ</t>
    </rPh>
    <rPh sb="7" eb="8">
      <t>ケン</t>
    </rPh>
    <phoneticPr fontId="10"/>
  </si>
  <si>
    <t>令 和　　　年　　　月　　　　日</t>
    <rPh sb="0" eb="1">
      <t>レイ</t>
    </rPh>
    <rPh sb="2" eb="3">
      <t>ワ</t>
    </rPh>
    <rPh sb="6" eb="7">
      <t>トシ</t>
    </rPh>
    <rPh sb="10" eb="11">
      <t>ツキ</t>
    </rPh>
    <rPh sb="15" eb="16">
      <t>ヒ</t>
    </rPh>
    <phoneticPr fontId="10"/>
  </si>
  <si>
    <t>（診断書作成月日）</t>
    <rPh sb="1" eb="4">
      <t>シンダンショ</t>
    </rPh>
    <rPh sb="4" eb="6">
      <t>サクセイ</t>
    </rPh>
    <rPh sb="6" eb="8">
      <t>ガッピ</t>
    </rPh>
    <phoneticPr fontId="10"/>
  </si>
  <si>
    <t>住　　　　所</t>
    <rPh sb="0" eb="1">
      <t>ジュウ</t>
    </rPh>
    <rPh sb="5" eb="6">
      <t>ショ</t>
    </rPh>
    <phoneticPr fontId="10"/>
  </si>
  <si>
    <t>医　　　　師</t>
    <rPh sb="0" eb="1">
      <t>イ</t>
    </rPh>
    <rPh sb="5" eb="6">
      <t>シ</t>
    </rPh>
    <phoneticPr fontId="10"/>
  </si>
  <si>
    <t>印</t>
    <rPh sb="0" eb="1">
      <t>イン</t>
    </rPh>
    <phoneticPr fontId="10"/>
  </si>
  <si>
    <t>保　護　者　記　入</t>
    <rPh sb="0" eb="1">
      <t>ホ</t>
    </rPh>
    <rPh sb="2" eb="3">
      <t>マモル</t>
    </rPh>
    <rPh sb="4" eb="5">
      <t>シャ</t>
    </rPh>
    <rPh sb="6" eb="7">
      <t>キ</t>
    </rPh>
    <rPh sb="8" eb="9">
      <t>ニュウ</t>
    </rPh>
    <phoneticPr fontId="10"/>
  </si>
  <si>
    <t>（ 在園児 ・ 新規 ）</t>
    <rPh sb="2" eb="3">
      <t>ザイ</t>
    </rPh>
    <rPh sb="3" eb="4">
      <t>エン</t>
    </rPh>
    <rPh sb="4" eb="5">
      <t>ジ</t>
    </rPh>
    <rPh sb="8" eb="10">
      <t>シンキ</t>
    </rPh>
    <phoneticPr fontId="10"/>
  </si>
  <si>
    <t xml:space="preserve"> （ 在園児 ・ 新規 ）</t>
    <rPh sb="3" eb="4">
      <t>ザイ</t>
    </rPh>
    <rPh sb="4" eb="5">
      <t>エン</t>
    </rPh>
    <rPh sb="5" eb="6">
      <t>ジ</t>
    </rPh>
    <rPh sb="9" eb="11">
      <t>シンキ</t>
    </rPh>
    <phoneticPr fontId="10"/>
  </si>
  <si>
    <t>診　断　書　（看 護 ・介 護 用）</t>
    <rPh sb="0" eb="1">
      <t>ミ</t>
    </rPh>
    <rPh sb="2" eb="3">
      <t>ダン</t>
    </rPh>
    <rPh sb="4" eb="5">
      <t>ショ</t>
    </rPh>
    <rPh sb="7" eb="8">
      <t>ミ</t>
    </rPh>
    <rPh sb="9" eb="10">
      <t>ユズル</t>
    </rPh>
    <rPh sb="12" eb="13">
      <t>スケ</t>
    </rPh>
    <rPh sb="14" eb="15">
      <t>ユズル</t>
    </rPh>
    <rPh sb="16" eb="17">
      <t>ヨウ</t>
    </rPh>
    <phoneticPr fontId="10"/>
  </si>
  <si>
    <t>明 ・ 大 ・ 昭 ・ 平 ・ 令 　　　　年　　　　月　　　　日生</t>
    <rPh sb="0" eb="1">
      <t>メイ</t>
    </rPh>
    <rPh sb="4" eb="5">
      <t>ダイ</t>
    </rPh>
    <rPh sb="8" eb="9">
      <t>アキラ</t>
    </rPh>
    <rPh sb="12" eb="13">
      <t>ヒラ</t>
    </rPh>
    <rPh sb="16" eb="17">
      <t>レイ</t>
    </rPh>
    <rPh sb="22" eb="23">
      <t>ネン</t>
    </rPh>
    <rPh sb="27" eb="28">
      <t>ガツ</t>
    </rPh>
    <rPh sb="32" eb="33">
      <t>ヒ</t>
    </rPh>
    <rPh sb="33" eb="34">
      <t>セイ</t>
    </rPh>
    <phoneticPr fontId="10"/>
  </si>
  <si>
    <t>（自宅）　　　　ー　　　　　ー</t>
    <rPh sb="1" eb="3">
      <t>ジタク</t>
    </rPh>
    <phoneticPr fontId="10"/>
  </si>
  <si>
    <t>（携帯）　　　　　ー　　　　　ー</t>
    <rPh sb="1" eb="3">
      <t>ケイタイ</t>
    </rPh>
    <phoneticPr fontId="10"/>
  </si>
  <si>
    <t>該当する項目１箇所にチェックしてください。</t>
    <rPh sb="0" eb="2">
      <t>ガイトウ</t>
    </rPh>
    <rPh sb="4" eb="6">
      <t>コウモク</t>
    </rPh>
    <rPh sb="7" eb="9">
      <t>カショ</t>
    </rPh>
    <phoneticPr fontId="2"/>
  </si>
  <si>
    <t>身体</t>
    <rPh sb="0" eb="2">
      <t>シンタイ</t>
    </rPh>
    <phoneticPr fontId="2"/>
  </si>
  <si>
    <t xml:space="preserve"> □ 生活全般において、全面的な介助が必要</t>
    <rPh sb="3" eb="7">
      <t>セイカツゼンパン</t>
    </rPh>
    <rPh sb="12" eb="15">
      <t>ゼンメンテキ</t>
    </rPh>
    <rPh sb="16" eb="18">
      <t>カイジョ</t>
    </rPh>
    <rPh sb="19" eb="21">
      <t>ヒツヨウ</t>
    </rPh>
    <phoneticPr fontId="2"/>
  </si>
  <si>
    <t xml:space="preserve"> □ 入浴・排泄・衣服の着脱など多くの日常の行為に全面的な介助が必要</t>
    <phoneticPr fontId="2"/>
  </si>
  <si>
    <t xml:space="preserve"> □ 起き上がり、寝返りが自分ではできず、排泄、入浴、衣服の着脱などに介助が必要</t>
    <rPh sb="3" eb="4">
      <t>オ</t>
    </rPh>
    <rPh sb="5" eb="6">
      <t>ア</t>
    </rPh>
    <rPh sb="9" eb="11">
      <t>ネガエ</t>
    </rPh>
    <rPh sb="13" eb="15">
      <t>ジブン</t>
    </rPh>
    <rPh sb="21" eb="23">
      <t>ハイセツ</t>
    </rPh>
    <rPh sb="24" eb="26">
      <t>ニュウヨク</t>
    </rPh>
    <rPh sb="27" eb="29">
      <t>イフク</t>
    </rPh>
    <rPh sb="30" eb="32">
      <t>チャクダツ</t>
    </rPh>
    <rPh sb="35" eb="37">
      <t>カイジョ</t>
    </rPh>
    <rPh sb="37" eb="39">
      <t>ゼンカイジョ</t>
    </rPh>
    <rPh sb="38" eb="40">
      <t>ヒツヨウ</t>
    </rPh>
    <phoneticPr fontId="2"/>
  </si>
  <si>
    <t xml:space="preserve"> □ 起き上がり、寝返りが自分では難しい。排泄、入浴などに一部または全部の介助が必要</t>
    <rPh sb="3" eb="4">
      <t>オ</t>
    </rPh>
    <rPh sb="5" eb="6">
      <t>ア</t>
    </rPh>
    <rPh sb="9" eb="11">
      <t>ネガエ</t>
    </rPh>
    <rPh sb="13" eb="15">
      <t>ジブン</t>
    </rPh>
    <rPh sb="17" eb="18">
      <t>ムズカ</t>
    </rPh>
    <rPh sb="21" eb="23">
      <t>ハイセツ</t>
    </rPh>
    <rPh sb="24" eb="26">
      <t>ニュウヨク</t>
    </rPh>
    <rPh sb="29" eb="31">
      <t>イチブ</t>
    </rPh>
    <rPh sb="34" eb="36">
      <t>ゼンブ</t>
    </rPh>
    <rPh sb="37" eb="39">
      <t>カイジョ</t>
    </rPh>
    <rPh sb="40" eb="42">
      <t>ヒツヨウ</t>
    </rPh>
    <phoneticPr fontId="2"/>
  </si>
  <si>
    <t xml:space="preserve"> □ 立ち上がりや歩行が安定しない。排泄、入浴などに一部介助が必要</t>
    <rPh sb="3" eb="4">
      <t>タ</t>
    </rPh>
    <rPh sb="5" eb="6">
      <t>ア</t>
    </rPh>
    <rPh sb="9" eb="11">
      <t>ホコウ</t>
    </rPh>
    <rPh sb="12" eb="14">
      <t>アンテイ</t>
    </rPh>
    <rPh sb="18" eb="20">
      <t>ハイセツ</t>
    </rPh>
    <rPh sb="21" eb="23">
      <t>ニュウヨク</t>
    </rPh>
    <rPh sb="26" eb="30">
      <t>イチブカイジョ</t>
    </rPh>
    <rPh sb="31" eb="33">
      <t>ヒツヨウ</t>
    </rPh>
    <phoneticPr fontId="2"/>
  </si>
  <si>
    <t xml:space="preserve"> □ 基本的に日常生活は営めるが、入浴等に一部介助が必要</t>
    <rPh sb="3" eb="6">
      <t>キホンテキ</t>
    </rPh>
    <rPh sb="7" eb="11">
      <t>ニチジョウセイカツ</t>
    </rPh>
    <rPh sb="12" eb="13">
      <t>イトナ</t>
    </rPh>
    <rPh sb="17" eb="20">
      <t>ニュウヨクトウ</t>
    </rPh>
    <rPh sb="21" eb="23">
      <t>イチブ</t>
    </rPh>
    <rPh sb="23" eb="25">
      <t>カイジョ</t>
    </rPh>
    <rPh sb="26" eb="28">
      <t>ヒツヨウ</t>
    </rPh>
    <phoneticPr fontId="2"/>
  </si>
  <si>
    <t xml:space="preserve"> □ 基本的に日常生活は営めるが、見守りを要する</t>
    <rPh sb="3" eb="6">
      <t>キホンテキ</t>
    </rPh>
    <rPh sb="7" eb="11">
      <t>ニチジョウセイカツ</t>
    </rPh>
    <rPh sb="12" eb="13">
      <t>イトナ</t>
    </rPh>
    <rPh sb="17" eb="19">
      <t>ミマモ</t>
    </rPh>
    <rPh sb="21" eb="22">
      <t>ヨウ</t>
    </rPh>
    <phoneticPr fontId="2"/>
  </si>
  <si>
    <t>精神</t>
    <rPh sb="0" eb="2">
      <t>セイシン</t>
    </rPh>
    <phoneticPr fontId="2"/>
  </si>
  <si>
    <t xml:space="preserve"> □ 精神的な疾患により情動がきわめて不安定なため常時の看護が必須</t>
    <rPh sb="3" eb="6">
      <t>セイシンテキ</t>
    </rPh>
    <rPh sb="7" eb="9">
      <t>シッカン</t>
    </rPh>
    <rPh sb="12" eb="14">
      <t>ジョウドウ</t>
    </rPh>
    <rPh sb="19" eb="22">
      <t>フアンテイ</t>
    </rPh>
    <rPh sb="25" eb="27">
      <t>ジョウジ</t>
    </rPh>
    <rPh sb="28" eb="30">
      <t>カンゴ</t>
    </rPh>
    <rPh sb="31" eb="33">
      <t>ヒッス</t>
    </rPh>
    <phoneticPr fontId="2"/>
  </si>
  <si>
    <t xml:space="preserve"> □ 精神的な疾患により情動が不安定なため一部の看護が必要</t>
    <rPh sb="3" eb="6">
      <t>セイシンテキ</t>
    </rPh>
    <rPh sb="7" eb="9">
      <t>シッカン</t>
    </rPh>
    <rPh sb="12" eb="14">
      <t>ジョウドウ</t>
    </rPh>
    <rPh sb="15" eb="18">
      <t>フアンテイ</t>
    </rPh>
    <rPh sb="21" eb="23">
      <t>イチブ</t>
    </rPh>
    <rPh sb="24" eb="26">
      <t>カンゴ</t>
    </rPh>
    <rPh sb="27" eb="29">
      <t>ヒツヨウ</t>
    </rPh>
    <phoneticPr fontId="2"/>
  </si>
  <si>
    <r>
      <t xml:space="preserve"> □ </t>
    </r>
    <r>
      <rPr>
        <sz val="10"/>
        <rFont val="ＭＳ Ｐゴシック"/>
        <family val="3"/>
        <charset val="128"/>
      </rPr>
      <t>基本的に日常生活は営めるが 精神的な疾患があり、見守りを要する</t>
    </r>
    <rPh sb="3" eb="5">
      <t>キホン</t>
    </rPh>
    <rPh sb="27" eb="29">
      <t>ミマモ</t>
    </rPh>
    <rPh sb="31" eb="32">
      <t>ヨウ</t>
    </rPh>
    <phoneticPr fontId="2"/>
  </si>
  <si>
    <t>□該当項目がなく、看護・介護・見守りは不要である。</t>
    <rPh sb="1" eb="3">
      <t>ガイトウ</t>
    </rPh>
    <rPh sb="3" eb="5">
      <t>コウモク</t>
    </rPh>
    <rPh sb="9" eb="11">
      <t>カンゴ</t>
    </rPh>
    <rPh sb="12" eb="14">
      <t>カイゴ</t>
    </rPh>
    <rPh sb="15" eb="17">
      <t>ミマモ</t>
    </rPh>
    <rPh sb="19" eb="21">
      <t>フヨウ</t>
    </rPh>
    <phoneticPr fontId="2"/>
  </si>
  <si>
    <t>医療機関名</t>
    <phoneticPr fontId="2"/>
  </si>
  <si>
    <t>家族を介護する場合に記入して下さい。</t>
    <rPh sb="0" eb="2">
      <t>カゾク</t>
    </rPh>
    <rPh sb="3" eb="5">
      <t>カイゴ</t>
    </rPh>
    <rPh sb="7" eb="9">
      <t>バアイ</t>
    </rPh>
    <rPh sb="10" eb="12">
      <t>キニュウ</t>
    </rPh>
    <rPh sb="14" eb="15">
      <t>クダ</t>
    </rPh>
    <phoneticPr fontId="10"/>
  </si>
  <si>
    <t>①介護保険の認定</t>
    <rPh sb="1" eb="3">
      <t>カイゴ</t>
    </rPh>
    <rPh sb="3" eb="5">
      <t>ホケン</t>
    </rPh>
    <rPh sb="6" eb="8">
      <t>ニンテイ</t>
    </rPh>
    <phoneticPr fontId="10"/>
  </si>
  <si>
    <t>有</t>
    <rPh sb="0" eb="1">
      <t>アリ</t>
    </rPh>
    <phoneticPr fontId="10"/>
  </si>
  <si>
    <t>・</t>
    <phoneticPr fontId="10"/>
  </si>
  <si>
    <t>無</t>
    <rPh sb="0" eb="1">
      <t>ナ</t>
    </rPh>
    <phoneticPr fontId="10"/>
  </si>
  <si>
    <t>※ 有の場合、お持ちであれば介護保険証の写しの</t>
    <rPh sb="2" eb="3">
      <t>アリ</t>
    </rPh>
    <rPh sb="4" eb="6">
      <t>バアイ</t>
    </rPh>
    <rPh sb="8" eb="9">
      <t>モ</t>
    </rPh>
    <rPh sb="14" eb="16">
      <t>カイゴ</t>
    </rPh>
    <rPh sb="16" eb="19">
      <t>ホケンショウ</t>
    </rPh>
    <rPh sb="20" eb="21">
      <t>ウツ</t>
    </rPh>
    <phoneticPr fontId="10"/>
  </si>
  <si>
    <t>　⇒有の方のみ　要介護度（　　　　　　　　　　　　）　</t>
    <rPh sb="2" eb="3">
      <t>アリ</t>
    </rPh>
    <rPh sb="4" eb="5">
      <t>カタ</t>
    </rPh>
    <rPh sb="8" eb="9">
      <t>ヨウ</t>
    </rPh>
    <rPh sb="9" eb="11">
      <t>カイゴ</t>
    </rPh>
    <rPh sb="11" eb="12">
      <t>ド</t>
    </rPh>
    <phoneticPr fontId="10"/>
  </si>
  <si>
    <r>
      <t>　</t>
    </r>
    <r>
      <rPr>
        <b/>
        <u/>
        <sz val="12"/>
        <rFont val="ＭＳ Ｐゴシック"/>
        <family val="3"/>
        <charset val="128"/>
      </rPr>
      <t>提出もお願いします。</t>
    </r>
    <rPh sb="1" eb="3">
      <t>テイシュツ</t>
    </rPh>
    <rPh sb="5" eb="6">
      <t>ネガ</t>
    </rPh>
    <phoneticPr fontId="10"/>
  </si>
  <si>
    <t>　　　　　　　　　　　受給サービス内容 ： ディサービス(週　　　　回）　ディケア（週　　　　回）</t>
    <rPh sb="11" eb="13">
      <t>ジュキュウ</t>
    </rPh>
    <rPh sb="29" eb="30">
      <t>シュウ</t>
    </rPh>
    <rPh sb="34" eb="35">
      <t>カイ</t>
    </rPh>
    <rPh sb="42" eb="43">
      <t>シュウ</t>
    </rPh>
    <rPh sb="47" eb="48">
      <t>カイ</t>
    </rPh>
    <phoneticPr fontId="10"/>
  </si>
  <si>
    <t>②介護に要する時間　　　　午前 ・ 午後　　　　　時 ～ 午前 ・ 午後　 　　　時まで　　　</t>
    <rPh sb="1" eb="3">
      <t>カイゴ</t>
    </rPh>
    <rPh sb="4" eb="5">
      <t>ヨウ</t>
    </rPh>
    <rPh sb="7" eb="9">
      <t>ジカン</t>
    </rPh>
    <rPh sb="13" eb="15">
      <t>ゴゼン</t>
    </rPh>
    <rPh sb="18" eb="20">
      <t>ゴゴ</t>
    </rPh>
    <rPh sb="25" eb="26">
      <t>ジ</t>
    </rPh>
    <rPh sb="29" eb="31">
      <t>ゴゼン</t>
    </rPh>
    <rPh sb="34" eb="36">
      <t>ゴゴ</t>
    </rPh>
    <rPh sb="41" eb="42">
      <t>ジ</t>
    </rPh>
    <phoneticPr fontId="10"/>
  </si>
  <si>
    <t>③介護協力者　　　　有 ・ 無  　協力者名（続柄）〔　　　　　　　　　　　　　　　　　　　　　　　　　〕</t>
    <rPh sb="1" eb="3">
      <t>カイゴ</t>
    </rPh>
    <rPh sb="3" eb="6">
      <t>キョウリョクシャ</t>
    </rPh>
    <rPh sb="10" eb="11">
      <t>アリ</t>
    </rPh>
    <rPh sb="14" eb="15">
      <t>ナ</t>
    </rPh>
    <rPh sb="18" eb="20">
      <t>キョウリョク</t>
    </rPh>
    <rPh sb="20" eb="21">
      <t>シャ</t>
    </rPh>
    <rPh sb="21" eb="22">
      <t>メイ</t>
    </rPh>
    <rPh sb="23" eb="24">
      <t>ツヅ</t>
    </rPh>
    <rPh sb="24" eb="25">
      <t>ガラ</t>
    </rPh>
    <phoneticPr fontId="1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sz val="11"/>
      <name val="ＭＳ Ｐゴシック"/>
      <family val="3"/>
      <charset val="128"/>
    </font>
    <font>
      <b/>
      <sz val="18"/>
      <name val="ＭＳ Ｐゴシック"/>
      <family val="3"/>
      <charset val="128"/>
    </font>
    <font>
      <sz val="10"/>
      <name val="ＭＳ Ｐゴシック"/>
      <family val="3"/>
      <charset val="128"/>
    </font>
    <font>
      <sz val="12"/>
      <name val="ＭＳ Ｐゴシック"/>
      <family val="3"/>
      <charset val="128"/>
    </font>
    <font>
      <b/>
      <sz val="12"/>
      <name val="ＭＳ Ｐゴシック"/>
      <family val="3"/>
      <charset val="128"/>
    </font>
    <font>
      <sz val="6"/>
      <name val="ＭＳ Ｐゴシック"/>
      <family val="3"/>
      <charset val="128"/>
    </font>
    <font>
      <sz val="10.5"/>
      <name val="ＭＳ Ｐゴシック"/>
      <family val="3"/>
      <charset val="128"/>
    </font>
    <font>
      <b/>
      <u/>
      <sz val="12"/>
      <name val="ＭＳ Ｐゴシック"/>
      <family val="3"/>
      <charset val="128"/>
    </font>
    <font>
      <u/>
      <sz val="12"/>
      <name val="ＭＳ Ｐゴシック"/>
      <family val="3"/>
      <charset val="128"/>
    </font>
  </fonts>
  <fills count="2">
    <fill>
      <patternFill patternType="none"/>
    </fill>
    <fill>
      <patternFill patternType="gray125"/>
    </fill>
  </fills>
  <borders count="37">
    <border>
      <left/>
      <right/>
      <top/>
      <bottom/>
      <diagonal/>
    </border>
    <border>
      <left/>
      <right/>
      <top/>
      <bottom style="thin">
        <color auto="1"/>
      </bottom>
      <diagonal/>
    </border>
    <border>
      <left/>
      <right/>
      <top style="thin">
        <color auto="1"/>
      </top>
      <bottom/>
      <diagonal/>
    </border>
    <border>
      <left style="thin">
        <color auto="1"/>
      </left>
      <right/>
      <top/>
      <bottom style="thin">
        <color auto="1"/>
      </bottom>
      <diagonal/>
    </border>
    <border>
      <left style="thin">
        <color auto="1"/>
      </left>
      <right/>
      <top/>
      <bottom/>
      <diagonal/>
    </border>
    <border>
      <left style="thin">
        <color auto="1"/>
      </left>
      <right style="thin">
        <color auto="1"/>
      </right>
      <top/>
      <bottom style="thin">
        <color auto="1"/>
      </bottom>
      <diagonal/>
    </border>
    <border>
      <left/>
      <right style="thin">
        <color auto="1"/>
      </right>
      <top/>
      <bottom style="thin">
        <color auto="1"/>
      </bottom>
      <diagonal/>
    </border>
    <border>
      <left/>
      <right/>
      <top/>
      <bottom style="hair">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style="thin">
        <color indexed="64"/>
      </right>
      <top/>
      <bottom/>
      <diagonal/>
    </border>
    <border>
      <left style="thin">
        <color indexed="64"/>
      </left>
      <right style="thin">
        <color indexed="64"/>
      </right>
      <top style="thin">
        <color indexed="64"/>
      </top>
      <bottom/>
      <diagonal/>
    </border>
    <border>
      <left/>
      <right/>
      <top style="thin">
        <color auto="1"/>
      </top>
      <bottom style="thin">
        <color indexed="64"/>
      </bottom>
      <diagonal/>
    </border>
    <border>
      <left/>
      <right style="thin">
        <color auto="1"/>
      </right>
      <top style="thin">
        <color auto="1"/>
      </top>
      <bottom style="thin">
        <color auto="1"/>
      </bottom>
      <diagonal/>
    </border>
    <border>
      <left style="thin">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s>
  <cellStyleXfs count="5">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cellStyleXfs>
  <cellXfs count="95">
    <xf numFmtId="0" fontId="0" fillId="0" borderId="0" xfId="0">
      <alignment vertical="center"/>
    </xf>
    <xf numFmtId="0" fontId="8" fillId="0" borderId="0" xfId="0" applyFont="1" applyAlignment="1">
      <alignment horizontal="left" vertical="center"/>
    </xf>
    <xf numFmtId="0" fontId="8" fillId="0" borderId="0" xfId="0" applyFont="1">
      <alignment vertical="center"/>
    </xf>
    <xf numFmtId="0" fontId="8" fillId="0" borderId="10" xfId="0" applyFont="1" applyBorder="1">
      <alignment vertical="center"/>
    </xf>
    <xf numFmtId="0" fontId="8" fillId="0" borderId="11" xfId="0" applyFont="1" applyBorder="1">
      <alignment vertical="center"/>
    </xf>
    <xf numFmtId="0" fontId="7" fillId="0" borderId="9" xfId="0" applyFont="1" applyBorder="1" applyAlignment="1">
      <alignment horizontal="center" vertical="center" wrapText="1"/>
    </xf>
    <xf numFmtId="0" fontId="8" fillId="0" borderId="15" xfId="0" applyFont="1" applyBorder="1">
      <alignment vertical="center"/>
    </xf>
    <xf numFmtId="0" fontId="8" fillId="0" borderId="16" xfId="0" applyFont="1" applyBorder="1">
      <alignment vertical="center"/>
    </xf>
    <xf numFmtId="0" fontId="7" fillId="0" borderId="14" xfId="0" applyFont="1" applyBorder="1" applyAlignment="1">
      <alignment horizontal="center" vertical="center" wrapText="1"/>
    </xf>
    <xf numFmtId="0" fontId="8" fillId="0" borderId="17" xfId="0" applyFont="1" applyBorder="1">
      <alignment vertical="center"/>
    </xf>
    <xf numFmtId="0" fontId="8" fillId="0" borderId="18" xfId="0" applyFont="1" applyBorder="1">
      <alignment vertical="center"/>
    </xf>
    <xf numFmtId="0" fontId="8" fillId="0" borderId="19" xfId="0" applyFont="1" applyBorder="1">
      <alignment vertical="center"/>
    </xf>
    <xf numFmtId="0" fontId="7" fillId="0" borderId="17" xfId="0" applyFont="1" applyBorder="1" applyAlignment="1">
      <alignment horizontal="center" vertical="center" wrapText="1"/>
    </xf>
    <xf numFmtId="0" fontId="8" fillId="0" borderId="0" xfId="0" applyFont="1" applyAlignment="1">
      <alignment horizontal="center" vertical="center"/>
    </xf>
    <xf numFmtId="0" fontId="8" fillId="0" borderId="20" xfId="0" applyFont="1" applyBorder="1">
      <alignment vertical="center"/>
    </xf>
    <xf numFmtId="0" fontId="8" fillId="0" borderId="4" xfId="0" applyFont="1" applyBorder="1">
      <alignment vertical="center"/>
    </xf>
    <xf numFmtId="0" fontId="8" fillId="0" borderId="7" xfId="0" applyFont="1" applyBorder="1">
      <alignment vertical="center"/>
    </xf>
    <xf numFmtId="0" fontId="8" fillId="0" borderId="12" xfId="0" applyFont="1" applyBorder="1">
      <alignment vertical="center"/>
    </xf>
    <xf numFmtId="0" fontId="8" fillId="0" borderId="2" xfId="0" applyFont="1" applyBorder="1">
      <alignment vertical="center"/>
    </xf>
    <xf numFmtId="0" fontId="8" fillId="0" borderId="13" xfId="0" applyFont="1" applyBorder="1">
      <alignment vertical="center"/>
    </xf>
    <xf numFmtId="0" fontId="8" fillId="0" borderId="3" xfId="0" applyFont="1" applyBorder="1">
      <alignment vertical="center"/>
    </xf>
    <xf numFmtId="0" fontId="8" fillId="0" borderId="1" xfId="0" applyFont="1" applyBorder="1">
      <alignment vertical="center"/>
    </xf>
    <xf numFmtId="0" fontId="8" fillId="0" borderId="6" xfId="0" applyFont="1" applyBorder="1">
      <alignment vertical="center"/>
    </xf>
    <xf numFmtId="0" fontId="8" fillId="0" borderId="1" xfId="0" applyFont="1" applyBorder="1" applyAlignment="1">
      <alignment horizontal="left" vertical="center"/>
    </xf>
    <xf numFmtId="0" fontId="8" fillId="0" borderId="0" xfId="0" applyFont="1" applyAlignment="1">
      <alignment vertical="top"/>
    </xf>
    <xf numFmtId="0" fontId="8" fillId="0" borderId="1" xfId="0" applyFont="1" applyBorder="1" applyAlignment="1">
      <alignment horizontal="center" vertical="center"/>
    </xf>
    <xf numFmtId="0" fontId="8" fillId="0" borderId="4" xfId="0" applyFont="1" applyBorder="1" applyAlignment="1">
      <alignment horizontal="left" vertical="center"/>
    </xf>
    <xf numFmtId="0" fontId="8" fillId="0" borderId="20" xfId="0" applyFont="1" applyBorder="1" applyAlignment="1">
      <alignment horizontal="center" vertical="center"/>
    </xf>
    <xf numFmtId="0" fontId="8" fillId="0" borderId="4" xfId="0" applyFont="1" applyBorder="1" applyAlignment="1">
      <alignment horizontal="center" vertical="center"/>
    </xf>
    <xf numFmtId="0" fontId="5" fillId="0" borderId="2" xfId="0" applyFont="1" applyBorder="1" applyAlignment="1">
      <alignment horizontal="left" vertical="center"/>
    </xf>
    <xf numFmtId="0" fontId="8" fillId="0" borderId="2" xfId="0" applyFont="1" applyBorder="1" applyAlignment="1">
      <alignment horizontal="center" vertical="center"/>
    </xf>
    <xf numFmtId="0" fontId="8" fillId="0" borderId="13" xfId="0" applyFont="1" applyBorder="1" applyAlignment="1">
      <alignment horizontal="center" vertical="center"/>
    </xf>
    <xf numFmtId="0" fontId="5" fillId="0" borderId="0" xfId="0" applyFont="1" applyAlignment="1">
      <alignment horizontal="left" vertical="center"/>
    </xf>
    <xf numFmtId="0" fontId="11" fillId="0" borderId="0" xfId="0" applyFont="1" applyAlignment="1">
      <alignment horizontal="left" vertical="center"/>
    </xf>
    <xf numFmtId="0" fontId="5" fillId="0" borderId="3" xfId="0" applyFont="1" applyBorder="1" applyAlignment="1">
      <alignment horizontal="left" vertical="center"/>
    </xf>
    <xf numFmtId="0" fontId="5" fillId="0" borderId="1" xfId="0" applyFont="1" applyBorder="1" applyAlignment="1">
      <alignment horizontal="left" vertical="center"/>
    </xf>
    <xf numFmtId="0" fontId="8" fillId="0" borderId="6" xfId="0" applyFont="1" applyBorder="1" applyAlignment="1">
      <alignment horizontal="center" vertical="center"/>
    </xf>
    <xf numFmtId="0" fontId="8" fillId="0" borderId="0" xfId="0" applyFont="1" applyAlignment="1"/>
    <xf numFmtId="0" fontId="8" fillId="0" borderId="32" xfId="0" applyFont="1" applyBorder="1">
      <alignment vertical="center"/>
    </xf>
    <xf numFmtId="0" fontId="12" fillId="0" borderId="0" xfId="0" applyFont="1">
      <alignment vertical="center"/>
    </xf>
    <xf numFmtId="0" fontId="13" fillId="0" borderId="0" xfId="0" applyFont="1">
      <alignment vertical="center"/>
    </xf>
    <xf numFmtId="0" fontId="8" fillId="0" borderId="33" xfId="0" applyFont="1" applyBorder="1">
      <alignment vertical="center"/>
    </xf>
    <xf numFmtId="0" fontId="9" fillId="0" borderId="0" xfId="0" applyFont="1">
      <alignment vertical="center"/>
    </xf>
    <xf numFmtId="0" fontId="12" fillId="0" borderId="0" xfId="0" applyFont="1" applyAlignment="1">
      <alignment vertical="top"/>
    </xf>
    <xf numFmtId="0" fontId="8" fillId="0" borderId="34" xfId="0" applyFont="1" applyBorder="1">
      <alignment vertical="center"/>
    </xf>
    <xf numFmtId="0" fontId="8" fillId="0" borderId="35" xfId="0" applyFont="1" applyBorder="1">
      <alignment vertical="center"/>
    </xf>
    <xf numFmtId="0" fontId="8" fillId="0" borderId="36" xfId="0" applyFont="1" applyBorder="1">
      <alignment vertical="center"/>
    </xf>
    <xf numFmtId="0" fontId="8" fillId="0" borderId="8" xfId="0" applyFont="1" applyBorder="1" applyAlignment="1">
      <alignment horizontal="center" vertical="center" wrapText="1"/>
    </xf>
    <xf numFmtId="0" fontId="8" fillId="0" borderId="5" xfId="0" applyFont="1" applyBorder="1" applyAlignment="1">
      <alignment horizontal="center" vertical="center" wrapText="1"/>
    </xf>
    <xf numFmtId="0" fontId="7" fillId="0" borderId="10" xfId="0" applyFont="1" applyBorder="1" applyAlignment="1">
      <alignment horizontal="left" vertical="center"/>
    </xf>
    <xf numFmtId="0" fontId="7" fillId="0" borderId="11" xfId="0" applyFont="1" applyBorder="1" applyAlignment="1">
      <alignment horizontal="left" vertical="center"/>
    </xf>
    <xf numFmtId="0" fontId="7" fillId="0" borderId="15" xfId="0" applyFont="1" applyBorder="1" applyAlignment="1">
      <alignment horizontal="left" vertical="center"/>
    </xf>
    <xf numFmtId="0" fontId="7" fillId="0" borderId="16" xfId="0" applyFont="1" applyBorder="1" applyAlignment="1">
      <alignment horizontal="left" vertical="center"/>
    </xf>
    <xf numFmtId="0" fontId="7" fillId="0" borderId="14" xfId="0" applyFont="1" applyBorder="1" applyAlignment="1">
      <alignment horizontal="right" vertical="center"/>
    </xf>
    <xf numFmtId="0" fontId="7" fillId="0" borderId="15" xfId="0" applyFont="1" applyBorder="1" applyAlignment="1">
      <alignment horizontal="right" vertical="center"/>
    </xf>
    <xf numFmtId="0" fontId="7" fillId="0" borderId="16" xfId="0" applyFont="1" applyBorder="1" applyAlignment="1">
      <alignment horizontal="right" vertical="center"/>
    </xf>
    <xf numFmtId="0" fontId="7" fillId="0" borderId="18" xfId="0" applyFont="1" applyBorder="1" applyAlignment="1">
      <alignment horizontal="left" vertical="center"/>
    </xf>
    <xf numFmtId="0" fontId="7" fillId="0" borderId="19" xfId="0" applyFont="1" applyBorder="1" applyAlignment="1">
      <alignment horizontal="left" vertical="center"/>
    </xf>
    <xf numFmtId="0" fontId="8" fillId="0" borderId="0" xfId="0" applyFont="1" applyAlignment="1">
      <alignment horizontal="center"/>
    </xf>
    <xf numFmtId="0" fontId="8" fillId="0" borderId="12" xfId="0" applyFont="1" applyBorder="1">
      <alignment vertical="center"/>
    </xf>
    <xf numFmtId="0" fontId="8" fillId="0" borderId="2" xfId="0" applyFont="1" applyBorder="1">
      <alignment vertical="center"/>
    </xf>
    <xf numFmtId="0" fontId="8" fillId="0" borderId="13" xfId="0" applyFont="1" applyBorder="1">
      <alignment vertical="center"/>
    </xf>
    <xf numFmtId="0" fontId="8" fillId="0" borderId="0" xfId="0" applyFont="1" applyAlignment="1">
      <alignment horizontal="distributed" vertical="center"/>
    </xf>
    <xf numFmtId="0" fontId="7" fillId="0" borderId="9" xfId="0" applyFont="1" applyBorder="1" applyAlignment="1">
      <alignment horizontal="right" vertical="center"/>
    </xf>
    <xf numFmtId="0" fontId="7" fillId="0" borderId="10" xfId="0" applyFont="1" applyBorder="1" applyAlignment="1">
      <alignment horizontal="right" vertical="center"/>
    </xf>
    <xf numFmtId="0" fontId="7" fillId="0" borderId="11" xfId="0" applyFont="1" applyBorder="1" applyAlignment="1">
      <alignment horizontal="right" vertical="center"/>
    </xf>
    <xf numFmtId="0" fontId="7" fillId="0" borderId="27" xfId="0" applyFont="1" applyBorder="1" applyAlignment="1">
      <alignment horizontal="center" vertical="center"/>
    </xf>
    <xf numFmtId="0" fontId="8" fillId="0" borderId="1" xfId="0" applyFont="1" applyBorder="1" applyAlignment="1">
      <alignment horizontal="left" vertical="center"/>
    </xf>
    <xf numFmtId="0" fontId="7" fillId="0" borderId="28" xfId="0" applyFont="1" applyBorder="1" applyAlignment="1">
      <alignment horizontal="center" vertical="center"/>
    </xf>
    <xf numFmtId="0" fontId="7" fillId="0" borderId="17" xfId="0" applyFont="1" applyBorder="1" applyAlignment="1">
      <alignment horizontal="right" vertical="center"/>
    </xf>
    <xf numFmtId="0" fontId="7" fillId="0" borderId="18" xfId="0" applyFont="1" applyBorder="1" applyAlignment="1">
      <alignment horizontal="right" vertical="center"/>
    </xf>
    <xf numFmtId="0" fontId="7" fillId="0" borderId="19" xfId="0" applyFont="1" applyBorder="1" applyAlignment="1">
      <alignment horizontal="right" vertical="center"/>
    </xf>
    <xf numFmtId="0" fontId="6" fillId="0" borderId="0" xfId="0" applyFont="1" applyAlignment="1">
      <alignment horizontal="center"/>
    </xf>
    <xf numFmtId="0" fontId="8" fillId="0" borderId="21" xfId="0" applyFont="1" applyBorder="1" applyAlignment="1">
      <alignment horizontal="center" vertical="center" wrapText="1"/>
    </xf>
    <xf numFmtId="0" fontId="7" fillId="0" borderId="22" xfId="0" applyFont="1" applyBorder="1" applyAlignment="1">
      <alignment horizontal="center" vertical="center" justifyLastLine="1"/>
    </xf>
    <xf numFmtId="0" fontId="7" fillId="0" borderId="23" xfId="0" applyFont="1" applyBorder="1" applyAlignment="1">
      <alignment horizontal="center" vertical="center" justifyLastLine="1"/>
    </xf>
    <xf numFmtId="0" fontId="7" fillId="0" borderId="24" xfId="0" applyFont="1" applyBorder="1" applyAlignment="1">
      <alignment horizontal="distributed" vertical="center" justifyLastLine="1"/>
    </xf>
    <xf numFmtId="0" fontId="7" fillId="0" borderId="25" xfId="0" applyFont="1" applyBorder="1" applyAlignment="1">
      <alignment horizontal="center" vertical="center" justifyLastLine="1"/>
    </xf>
    <xf numFmtId="0" fontId="7" fillId="0" borderId="2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8" fillId="0" borderId="2" xfId="0" applyFont="1" applyBorder="1" applyAlignment="1">
      <alignment horizontal="center"/>
    </xf>
    <xf numFmtId="0" fontId="8" fillId="0" borderId="13" xfId="0" applyFont="1" applyBorder="1" applyAlignment="1">
      <alignment horizontal="center"/>
    </xf>
    <xf numFmtId="0" fontId="8" fillId="0" borderId="20" xfId="0" applyFont="1" applyBorder="1" applyAlignment="1">
      <alignment horizontal="center"/>
    </xf>
    <xf numFmtId="0" fontId="8" fillId="0" borderId="2" xfId="0" applyFont="1" applyBorder="1" applyAlignment="1">
      <alignment horizontal="left" vertical="top"/>
    </xf>
    <xf numFmtId="0" fontId="9" fillId="0" borderId="29" xfId="0" applyFont="1" applyBorder="1" applyAlignment="1">
      <alignment horizontal="left" vertical="top"/>
    </xf>
    <xf numFmtId="0" fontId="9" fillId="0" borderId="30" xfId="0" applyFont="1" applyBorder="1" applyAlignment="1">
      <alignment horizontal="left" vertical="top"/>
    </xf>
    <xf numFmtId="0" fontId="9" fillId="0" borderId="31" xfId="0" applyFont="1" applyBorder="1" applyAlignment="1">
      <alignment horizontal="left" vertical="top"/>
    </xf>
    <xf numFmtId="0" fontId="9" fillId="0" borderId="32" xfId="0" applyFont="1" applyBorder="1" applyAlignment="1">
      <alignment horizontal="left" vertical="top"/>
    </xf>
    <xf numFmtId="0" fontId="9" fillId="0" borderId="0" xfId="0" applyFont="1" applyAlignment="1">
      <alignment horizontal="left" vertical="top"/>
    </xf>
    <xf numFmtId="0" fontId="9" fillId="0" borderId="33" xfId="0" applyFont="1" applyBorder="1" applyAlignment="1">
      <alignment horizontal="left" vertical="top"/>
    </xf>
    <xf numFmtId="0" fontId="8" fillId="0" borderId="2" xfId="0" applyFont="1" applyBorder="1" applyAlignment="1">
      <alignment horizontal="center" vertical="center"/>
    </xf>
    <xf numFmtId="0" fontId="8" fillId="0" borderId="13" xfId="0" applyFont="1" applyBorder="1" applyAlignment="1">
      <alignment horizontal="center" vertical="center"/>
    </xf>
    <xf numFmtId="0" fontId="8" fillId="0" borderId="1" xfId="0" applyFont="1" applyBorder="1" applyAlignment="1">
      <alignment horizontal="center" vertical="center"/>
    </xf>
    <xf numFmtId="0" fontId="8" fillId="0" borderId="6" xfId="0" applyFont="1" applyBorder="1" applyAlignment="1">
      <alignment horizontal="center" vertical="center"/>
    </xf>
  </cellXfs>
  <cellStyles count="5">
    <cellStyle name="標準" xfId="0" builtinId="0"/>
    <cellStyle name="標準 2" xfId="1" xr:uid="{00000000-0005-0000-0000-000003000000}"/>
    <cellStyle name="標準 2 2" xfId="4" xr:uid="{A934822E-8B03-4E98-ACA8-31461B8932FC}"/>
    <cellStyle name="標準 3" xfId="3" xr:uid="{00000000-0005-0000-0000-000004000000}"/>
    <cellStyle name="標準 4" xfId="2" xr:uid="{00000000-0005-0000-0000-000005000000}"/>
  </cellStyles>
  <dxfs count="0"/>
  <tableStyles count="0" defaultTableStyle="TableStyleMedium2" defaultPivotStyle="PivotStyleLight16"/>
  <colors>
    <mruColors>
      <color rgb="FFFFFFF0"/>
      <color rgb="FFFFFFE1"/>
      <color rgb="FF0000FF"/>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externalLink" Target="externalLinks/externalLink2.xml"/><Relationship Id="rId7" Type="http://schemas.openxmlformats.org/officeDocument/2006/relationships/customXml" Target="../customXml/item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 Id="rId9"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23700\Desktop\Book2.xlsx"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s>
    <sheetDataSet>
      <sheetData sheetId="0">
        <row r="1">
          <cell r="E1" t="str">
            <v>消費税率</v>
          </cell>
          <cell r="F1">
            <v>0.1</v>
          </cell>
        </row>
        <row r="3">
          <cell r="C3" t="str">
            <v>価格</v>
          </cell>
          <cell r="D3" t="str">
            <v>個数</v>
          </cell>
          <cell r="E3" t="str">
            <v>金額</v>
          </cell>
        </row>
        <row r="4">
          <cell r="C4">
            <v>200</v>
          </cell>
          <cell r="D4">
            <v>3</v>
          </cell>
          <cell r="E4">
            <v>600</v>
          </cell>
        </row>
      </sheetData>
      <sheetData sheetId="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s>
    <sheetDataSet>
      <sheetData sheetId="0">
        <row r="1">
          <cell r="E1" t="str">
            <v>消費税率</v>
          </cell>
          <cell r="F1">
            <v>0.1</v>
          </cell>
        </row>
        <row r="3">
          <cell r="C3" t="str">
            <v>価格</v>
          </cell>
          <cell r="D3" t="str">
            <v>個数</v>
          </cell>
          <cell r="E3" t="str">
            <v>金額</v>
          </cell>
        </row>
        <row r="4">
          <cell r="C4">
            <v>200</v>
          </cell>
          <cell r="D4">
            <v>3</v>
          </cell>
          <cell r="E4">
            <v>600</v>
          </cell>
        </row>
      </sheetData>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238CE9-473B-4FB3-A9DF-3AD915DB373C}">
  <sheetPr>
    <tabColor rgb="FFFFFF00"/>
    <pageSetUpPr fitToPage="1"/>
  </sheetPr>
  <dimension ref="A1:W52"/>
  <sheetViews>
    <sheetView tabSelected="1" workbookViewId="0">
      <selection sqref="A1:A4"/>
    </sheetView>
  </sheetViews>
  <sheetFormatPr defaultColWidth="3.75" defaultRowHeight="14.25" x14ac:dyDescent="0.15"/>
  <cols>
    <col min="1" max="1" width="3.75" style="2"/>
    <col min="2" max="2" width="3.875" style="2" customWidth="1"/>
    <col min="3" max="3" width="4.5" style="2" customWidth="1"/>
    <col min="4" max="14" width="3.75" style="2"/>
    <col min="15" max="15" width="5.625" style="2" customWidth="1"/>
    <col min="16" max="21" width="3.75" style="2"/>
    <col min="22" max="22" width="4.875" style="2" customWidth="1"/>
    <col min="23" max="23" width="9" style="2" customWidth="1"/>
    <col min="24" max="270" width="3.75" style="2"/>
    <col min="271" max="271" width="5.625" style="2" customWidth="1"/>
    <col min="272" max="277" width="3.75" style="2"/>
    <col min="278" max="278" width="4.875" style="2" customWidth="1"/>
    <col min="279" max="279" width="9" style="2" customWidth="1"/>
    <col min="280" max="526" width="3.75" style="2"/>
    <col min="527" max="527" width="5.625" style="2" customWidth="1"/>
    <col min="528" max="533" width="3.75" style="2"/>
    <col min="534" max="534" width="4.875" style="2" customWidth="1"/>
    <col min="535" max="535" width="9" style="2" customWidth="1"/>
    <col min="536" max="782" width="3.75" style="2"/>
    <col min="783" max="783" width="5.625" style="2" customWidth="1"/>
    <col min="784" max="789" width="3.75" style="2"/>
    <col min="790" max="790" width="4.875" style="2" customWidth="1"/>
    <col min="791" max="791" width="9" style="2" customWidth="1"/>
    <col min="792" max="1038" width="3.75" style="2"/>
    <col min="1039" max="1039" width="5.625" style="2" customWidth="1"/>
    <col min="1040" max="1045" width="3.75" style="2"/>
    <col min="1046" max="1046" width="4.875" style="2" customWidth="1"/>
    <col min="1047" max="1047" width="9" style="2" customWidth="1"/>
    <col min="1048" max="1294" width="3.75" style="2"/>
    <col min="1295" max="1295" width="5.625" style="2" customWidth="1"/>
    <col min="1296" max="1301" width="3.75" style="2"/>
    <col min="1302" max="1302" width="4.875" style="2" customWidth="1"/>
    <col min="1303" max="1303" width="9" style="2" customWidth="1"/>
    <col min="1304" max="1550" width="3.75" style="2"/>
    <col min="1551" max="1551" width="5.625" style="2" customWidth="1"/>
    <col min="1552" max="1557" width="3.75" style="2"/>
    <col min="1558" max="1558" width="4.875" style="2" customWidth="1"/>
    <col min="1559" max="1559" width="9" style="2" customWidth="1"/>
    <col min="1560" max="1806" width="3.75" style="2"/>
    <col min="1807" max="1807" width="5.625" style="2" customWidth="1"/>
    <col min="1808" max="1813" width="3.75" style="2"/>
    <col min="1814" max="1814" width="4.875" style="2" customWidth="1"/>
    <col min="1815" max="1815" width="9" style="2" customWidth="1"/>
    <col min="1816" max="2062" width="3.75" style="2"/>
    <col min="2063" max="2063" width="5.625" style="2" customWidth="1"/>
    <col min="2064" max="2069" width="3.75" style="2"/>
    <col min="2070" max="2070" width="4.875" style="2" customWidth="1"/>
    <col min="2071" max="2071" width="9" style="2" customWidth="1"/>
    <col min="2072" max="2318" width="3.75" style="2"/>
    <col min="2319" max="2319" width="5.625" style="2" customWidth="1"/>
    <col min="2320" max="2325" width="3.75" style="2"/>
    <col min="2326" max="2326" width="4.875" style="2" customWidth="1"/>
    <col min="2327" max="2327" width="9" style="2" customWidth="1"/>
    <col min="2328" max="2574" width="3.75" style="2"/>
    <col min="2575" max="2575" width="5.625" style="2" customWidth="1"/>
    <col min="2576" max="2581" width="3.75" style="2"/>
    <col min="2582" max="2582" width="4.875" style="2" customWidth="1"/>
    <col min="2583" max="2583" width="9" style="2" customWidth="1"/>
    <col min="2584" max="2830" width="3.75" style="2"/>
    <col min="2831" max="2831" width="5.625" style="2" customWidth="1"/>
    <col min="2832" max="2837" width="3.75" style="2"/>
    <col min="2838" max="2838" width="4.875" style="2" customWidth="1"/>
    <col min="2839" max="2839" width="9" style="2" customWidth="1"/>
    <col min="2840" max="3086" width="3.75" style="2"/>
    <col min="3087" max="3087" width="5.625" style="2" customWidth="1"/>
    <col min="3088" max="3093" width="3.75" style="2"/>
    <col min="3094" max="3094" width="4.875" style="2" customWidth="1"/>
    <col min="3095" max="3095" width="9" style="2" customWidth="1"/>
    <col min="3096" max="3342" width="3.75" style="2"/>
    <col min="3343" max="3343" width="5.625" style="2" customWidth="1"/>
    <col min="3344" max="3349" width="3.75" style="2"/>
    <col min="3350" max="3350" width="4.875" style="2" customWidth="1"/>
    <col min="3351" max="3351" width="9" style="2" customWidth="1"/>
    <col min="3352" max="3598" width="3.75" style="2"/>
    <col min="3599" max="3599" width="5.625" style="2" customWidth="1"/>
    <col min="3600" max="3605" width="3.75" style="2"/>
    <col min="3606" max="3606" width="4.875" style="2" customWidth="1"/>
    <col min="3607" max="3607" width="9" style="2" customWidth="1"/>
    <col min="3608" max="3854" width="3.75" style="2"/>
    <col min="3855" max="3855" width="5.625" style="2" customWidth="1"/>
    <col min="3856" max="3861" width="3.75" style="2"/>
    <col min="3862" max="3862" width="4.875" style="2" customWidth="1"/>
    <col min="3863" max="3863" width="9" style="2" customWidth="1"/>
    <col min="3864" max="4110" width="3.75" style="2"/>
    <col min="4111" max="4111" width="5.625" style="2" customWidth="1"/>
    <col min="4112" max="4117" width="3.75" style="2"/>
    <col min="4118" max="4118" width="4.875" style="2" customWidth="1"/>
    <col min="4119" max="4119" width="9" style="2" customWidth="1"/>
    <col min="4120" max="4366" width="3.75" style="2"/>
    <col min="4367" max="4367" width="5.625" style="2" customWidth="1"/>
    <col min="4368" max="4373" width="3.75" style="2"/>
    <col min="4374" max="4374" width="4.875" style="2" customWidth="1"/>
    <col min="4375" max="4375" width="9" style="2" customWidth="1"/>
    <col min="4376" max="4622" width="3.75" style="2"/>
    <col min="4623" max="4623" width="5.625" style="2" customWidth="1"/>
    <col min="4624" max="4629" width="3.75" style="2"/>
    <col min="4630" max="4630" width="4.875" style="2" customWidth="1"/>
    <col min="4631" max="4631" width="9" style="2" customWidth="1"/>
    <col min="4632" max="4878" width="3.75" style="2"/>
    <col min="4879" max="4879" width="5.625" style="2" customWidth="1"/>
    <col min="4880" max="4885" width="3.75" style="2"/>
    <col min="4886" max="4886" width="4.875" style="2" customWidth="1"/>
    <col min="4887" max="4887" width="9" style="2" customWidth="1"/>
    <col min="4888" max="5134" width="3.75" style="2"/>
    <col min="5135" max="5135" width="5.625" style="2" customWidth="1"/>
    <col min="5136" max="5141" width="3.75" style="2"/>
    <col min="5142" max="5142" width="4.875" style="2" customWidth="1"/>
    <col min="5143" max="5143" width="9" style="2" customWidth="1"/>
    <col min="5144" max="5390" width="3.75" style="2"/>
    <col min="5391" max="5391" width="5.625" style="2" customWidth="1"/>
    <col min="5392" max="5397" width="3.75" style="2"/>
    <col min="5398" max="5398" width="4.875" style="2" customWidth="1"/>
    <col min="5399" max="5399" width="9" style="2" customWidth="1"/>
    <col min="5400" max="5646" width="3.75" style="2"/>
    <col min="5647" max="5647" width="5.625" style="2" customWidth="1"/>
    <col min="5648" max="5653" width="3.75" style="2"/>
    <col min="5654" max="5654" width="4.875" style="2" customWidth="1"/>
    <col min="5655" max="5655" width="9" style="2" customWidth="1"/>
    <col min="5656" max="5902" width="3.75" style="2"/>
    <col min="5903" max="5903" width="5.625" style="2" customWidth="1"/>
    <col min="5904" max="5909" width="3.75" style="2"/>
    <col min="5910" max="5910" width="4.875" style="2" customWidth="1"/>
    <col min="5911" max="5911" width="9" style="2" customWidth="1"/>
    <col min="5912" max="6158" width="3.75" style="2"/>
    <col min="6159" max="6159" width="5.625" style="2" customWidth="1"/>
    <col min="6160" max="6165" width="3.75" style="2"/>
    <col min="6166" max="6166" width="4.875" style="2" customWidth="1"/>
    <col min="6167" max="6167" width="9" style="2" customWidth="1"/>
    <col min="6168" max="6414" width="3.75" style="2"/>
    <col min="6415" max="6415" width="5.625" style="2" customWidth="1"/>
    <col min="6416" max="6421" width="3.75" style="2"/>
    <col min="6422" max="6422" width="4.875" style="2" customWidth="1"/>
    <col min="6423" max="6423" width="9" style="2" customWidth="1"/>
    <col min="6424" max="6670" width="3.75" style="2"/>
    <col min="6671" max="6671" width="5.625" style="2" customWidth="1"/>
    <col min="6672" max="6677" width="3.75" style="2"/>
    <col min="6678" max="6678" width="4.875" style="2" customWidth="1"/>
    <col min="6679" max="6679" width="9" style="2" customWidth="1"/>
    <col min="6680" max="6926" width="3.75" style="2"/>
    <col min="6927" max="6927" width="5.625" style="2" customWidth="1"/>
    <col min="6928" max="6933" width="3.75" style="2"/>
    <col min="6934" max="6934" width="4.875" style="2" customWidth="1"/>
    <col min="6935" max="6935" width="9" style="2" customWidth="1"/>
    <col min="6936" max="7182" width="3.75" style="2"/>
    <col min="7183" max="7183" width="5.625" style="2" customWidth="1"/>
    <col min="7184" max="7189" width="3.75" style="2"/>
    <col min="7190" max="7190" width="4.875" style="2" customWidth="1"/>
    <col min="7191" max="7191" width="9" style="2" customWidth="1"/>
    <col min="7192" max="7438" width="3.75" style="2"/>
    <col min="7439" max="7439" width="5.625" style="2" customWidth="1"/>
    <col min="7440" max="7445" width="3.75" style="2"/>
    <col min="7446" max="7446" width="4.875" style="2" customWidth="1"/>
    <col min="7447" max="7447" width="9" style="2" customWidth="1"/>
    <col min="7448" max="7694" width="3.75" style="2"/>
    <col min="7695" max="7695" width="5.625" style="2" customWidth="1"/>
    <col min="7696" max="7701" width="3.75" style="2"/>
    <col min="7702" max="7702" width="4.875" style="2" customWidth="1"/>
    <col min="7703" max="7703" width="9" style="2" customWidth="1"/>
    <col min="7704" max="7950" width="3.75" style="2"/>
    <col min="7951" max="7951" width="5.625" style="2" customWidth="1"/>
    <col min="7952" max="7957" width="3.75" style="2"/>
    <col min="7958" max="7958" width="4.875" style="2" customWidth="1"/>
    <col min="7959" max="7959" width="9" style="2" customWidth="1"/>
    <col min="7960" max="8206" width="3.75" style="2"/>
    <col min="8207" max="8207" width="5.625" style="2" customWidth="1"/>
    <col min="8208" max="8213" width="3.75" style="2"/>
    <col min="8214" max="8214" width="4.875" style="2" customWidth="1"/>
    <col min="8215" max="8215" width="9" style="2" customWidth="1"/>
    <col min="8216" max="8462" width="3.75" style="2"/>
    <col min="8463" max="8463" width="5.625" style="2" customWidth="1"/>
    <col min="8464" max="8469" width="3.75" style="2"/>
    <col min="8470" max="8470" width="4.875" style="2" customWidth="1"/>
    <col min="8471" max="8471" width="9" style="2" customWidth="1"/>
    <col min="8472" max="8718" width="3.75" style="2"/>
    <col min="8719" max="8719" width="5.625" style="2" customWidth="1"/>
    <col min="8720" max="8725" width="3.75" style="2"/>
    <col min="8726" max="8726" width="4.875" style="2" customWidth="1"/>
    <col min="8727" max="8727" width="9" style="2" customWidth="1"/>
    <col min="8728" max="8974" width="3.75" style="2"/>
    <col min="8975" max="8975" width="5.625" style="2" customWidth="1"/>
    <col min="8976" max="8981" width="3.75" style="2"/>
    <col min="8982" max="8982" width="4.875" style="2" customWidth="1"/>
    <col min="8983" max="8983" width="9" style="2" customWidth="1"/>
    <col min="8984" max="9230" width="3.75" style="2"/>
    <col min="9231" max="9231" width="5.625" style="2" customWidth="1"/>
    <col min="9232" max="9237" width="3.75" style="2"/>
    <col min="9238" max="9238" width="4.875" style="2" customWidth="1"/>
    <col min="9239" max="9239" width="9" style="2" customWidth="1"/>
    <col min="9240" max="9486" width="3.75" style="2"/>
    <col min="9487" max="9487" width="5.625" style="2" customWidth="1"/>
    <col min="9488" max="9493" width="3.75" style="2"/>
    <col min="9494" max="9494" width="4.875" style="2" customWidth="1"/>
    <col min="9495" max="9495" width="9" style="2" customWidth="1"/>
    <col min="9496" max="9742" width="3.75" style="2"/>
    <col min="9743" max="9743" width="5.625" style="2" customWidth="1"/>
    <col min="9744" max="9749" width="3.75" style="2"/>
    <col min="9750" max="9750" width="4.875" style="2" customWidth="1"/>
    <col min="9751" max="9751" width="9" style="2" customWidth="1"/>
    <col min="9752" max="9998" width="3.75" style="2"/>
    <col min="9999" max="9999" width="5.625" style="2" customWidth="1"/>
    <col min="10000" max="10005" width="3.75" style="2"/>
    <col min="10006" max="10006" width="4.875" style="2" customWidth="1"/>
    <col min="10007" max="10007" width="9" style="2" customWidth="1"/>
    <col min="10008" max="10254" width="3.75" style="2"/>
    <col min="10255" max="10255" width="5.625" style="2" customWidth="1"/>
    <col min="10256" max="10261" width="3.75" style="2"/>
    <col min="10262" max="10262" width="4.875" style="2" customWidth="1"/>
    <col min="10263" max="10263" width="9" style="2" customWidth="1"/>
    <col min="10264" max="10510" width="3.75" style="2"/>
    <col min="10511" max="10511" width="5.625" style="2" customWidth="1"/>
    <col min="10512" max="10517" width="3.75" style="2"/>
    <col min="10518" max="10518" width="4.875" style="2" customWidth="1"/>
    <col min="10519" max="10519" width="9" style="2" customWidth="1"/>
    <col min="10520" max="10766" width="3.75" style="2"/>
    <col min="10767" max="10767" width="5.625" style="2" customWidth="1"/>
    <col min="10768" max="10773" width="3.75" style="2"/>
    <col min="10774" max="10774" width="4.875" style="2" customWidth="1"/>
    <col min="10775" max="10775" width="9" style="2" customWidth="1"/>
    <col min="10776" max="11022" width="3.75" style="2"/>
    <col min="11023" max="11023" width="5.625" style="2" customWidth="1"/>
    <col min="11024" max="11029" width="3.75" style="2"/>
    <col min="11030" max="11030" width="4.875" style="2" customWidth="1"/>
    <col min="11031" max="11031" width="9" style="2" customWidth="1"/>
    <col min="11032" max="11278" width="3.75" style="2"/>
    <col min="11279" max="11279" width="5.625" style="2" customWidth="1"/>
    <col min="11280" max="11285" width="3.75" style="2"/>
    <col min="11286" max="11286" width="4.875" style="2" customWidth="1"/>
    <col min="11287" max="11287" width="9" style="2" customWidth="1"/>
    <col min="11288" max="11534" width="3.75" style="2"/>
    <col min="11535" max="11535" width="5.625" style="2" customWidth="1"/>
    <col min="11536" max="11541" width="3.75" style="2"/>
    <col min="11542" max="11542" width="4.875" style="2" customWidth="1"/>
    <col min="11543" max="11543" width="9" style="2" customWidth="1"/>
    <col min="11544" max="11790" width="3.75" style="2"/>
    <col min="11791" max="11791" width="5.625" style="2" customWidth="1"/>
    <col min="11792" max="11797" width="3.75" style="2"/>
    <col min="11798" max="11798" width="4.875" style="2" customWidth="1"/>
    <col min="11799" max="11799" width="9" style="2" customWidth="1"/>
    <col min="11800" max="12046" width="3.75" style="2"/>
    <col min="12047" max="12047" width="5.625" style="2" customWidth="1"/>
    <col min="12048" max="12053" width="3.75" style="2"/>
    <col min="12054" max="12054" width="4.875" style="2" customWidth="1"/>
    <col min="12055" max="12055" width="9" style="2" customWidth="1"/>
    <col min="12056" max="12302" width="3.75" style="2"/>
    <col min="12303" max="12303" width="5.625" style="2" customWidth="1"/>
    <col min="12304" max="12309" width="3.75" style="2"/>
    <col min="12310" max="12310" width="4.875" style="2" customWidth="1"/>
    <col min="12311" max="12311" width="9" style="2" customWidth="1"/>
    <col min="12312" max="12558" width="3.75" style="2"/>
    <col min="12559" max="12559" width="5.625" style="2" customWidth="1"/>
    <col min="12560" max="12565" width="3.75" style="2"/>
    <col min="12566" max="12566" width="4.875" style="2" customWidth="1"/>
    <col min="12567" max="12567" width="9" style="2" customWidth="1"/>
    <col min="12568" max="12814" width="3.75" style="2"/>
    <col min="12815" max="12815" width="5.625" style="2" customWidth="1"/>
    <col min="12816" max="12821" width="3.75" style="2"/>
    <col min="12822" max="12822" width="4.875" style="2" customWidth="1"/>
    <col min="12823" max="12823" width="9" style="2" customWidth="1"/>
    <col min="12824" max="13070" width="3.75" style="2"/>
    <col min="13071" max="13071" width="5.625" style="2" customWidth="1"/>
    <col min="13072" max="13077" width="3.75" style="2"/>
    <col min="13078" max="13078" width="4.875" style="2" customWidth="1"/>
    <col min="13079" max="13079" width="9" style="2" customWidth="1"/>
    <col min="13080" max="13326" width="3.75" style="2"/>
    <col min="13327" max="13327" width="5.625" style="2" customWidth="1"/>
    <col min="13328" max="13333" width="3.75" style="2"/>
    <col min="13334" max="13334" width="4.875" style="2" customWidth="1"/>
    <col min="13335" max="13335" width="9" style="2" customWidth="1"/>
    <col min="13336" max="13582" width="3.75" style="2"/>
    <col min="13583" max="13583" width="5.625" style="2" customWidth="1"/>
    <col min="13584" max="13589" width="3.75" style="2"/>
    <col min="13590" max="13590" width="4.875" style="2" customWidth="1"/>
    <col min="13591" max="13591" width="9" style="2" customWidth="1"/>
    <col min="13592" max="13838" width="3.75" style="2"/>
    <col min="13839" max="13839" width="5.625" style="2" customWidth="1"/>
    <col min="13840" max="13845" width="3.75" style="2"/>
    <col min="13846" max="13846" width="4.875" style="2" customWidth="1"/>
    <col min="13847" max="13847" width="9" style="2" customWidth="1"/>
    <col min="13848" max="14094" width="3.75" style="2"/>
    <col min="14095" max="14095" width="5.625" style="2" customWidth="1"/>
    <col min="14096" max="14101" width="3.75" style="2"/>
    <col min="14102" max="14102" width="4.875" style="2" customWidth="1"/>
    <col min="14103" max="14103" width="9" style="2" customWidth="1"/>
    <col min="14104" max="14350" width="3.75" style="2"/>
    <col min="14351" max="14351" width="5.625" style="2" customWidth="1"/>
    <col min="14352" max="14357" width="3.75" style="2"/>
    <col min="14358" max="14358" width="4.875" style="2" customWidth="1"/>
    <col min="14359" max="14359" width="9" style="2" customWidth="1"/>
    <col min="14360" max="14606" width="3.75" style="2"/>
    <col min="14607" max="14607" width="5.625" style="2" customWidth="1"/>
    <col min="14608" max="14613" width="3.75" style="2"/>
    <col min="14614" max="14614" width="4.875" style="2" customWidth="1"/>
    <col min="14615" max="14615" width="9" style="2" customWidth="1"/>
    <col min="14616" max="14862" width="3.75" style="2"/>
    <col min="14863" max="14863" width="5.625" style="2" customWidth="1"/>
    <col min="14864" max="14869" width="3.75" style="2"/>
    <col min="14870" max="14870" width="4.875" style="2" customWidth="1"/>
    <col min="14871" max="14871" width="9" style="2" customWidth="1"/>
    <col min="14872" max="15118" width="3.75" style="2"/>
    <col min="15119" max="15119" width="5.625" style="2" customWidth="1"/>
    <col min="15120" max="15125" width="3.75" style="2"/>
    <col min="15126" max="15126" width="4.875" style="2" customWidth="1"/>
    <col min="15127" max="15127" width="9" style="2" customWidth="1"/>
    <col min="15128" max="15374" width="3.75" style="2"/>
    <col min="15375" max="15375" width="5.625" style="2" customWidth="1"/>
    <col min="15376" max="15381" width="3.75" style="2"/>
    <col min="15382" max="15382" width="4.875" style="2" customWidth="1"/>
    <col min="15383" max="15383" width="9" style="2" customWidth="1"/>
    <col min="15384" max="15630" width="3.75" style="2"/>
    <col min="15631" max="15631" width="5.625" style="2" customWidth="1"/>
    <col min="15632" max="15637" width="3.75" style="2"/>
    <col min="15638" max="15638" width="4.875" style="2" customWidth="1"/>
    <col min="15639" max="15639" width="9" style="2" customWidth="1"/>
    <col min="15640" max="15886" width="3.75" style="2"/>
    <col min="15887" max="15887" width="5.625" style="2" customWidth="1"/>
    <col min="15888" max="15893" width="3.75" style="2"/>
    <col min="15894" max="15894" width="4.875" style="2" customWidth="1"/>
    <col min="15895" max="15895" width="9" style="2" customWidth="1"/>
    <col min="15896" max="16142" width="3.75" style="2"/>
    <col min="16143" max="16143" width="5.625" style="2" customWidth="1"/>
    <col min="16144" max="16149" width="3.75" style="2"/>
    <col min="16150" max="16150" width="4.875" style="2" customWidth="1"/>
    <col min="16151" max="16151" width="9" style="2" customWidth="1"/>
    <col min="16152" max="16384" width="3.75" style="2"/>
  </cols>
  <sheetData>
    <row r="1" spans="1:23" ht="19.5" customHeight="1" x14ac:dyDescent="0.15">
      <c r="A1" s="73" t="s">
        <v>28</v>
      </c>
      <c r="B1" s="74" t="s">
        <v>2</v>
      </c>
      <c r="C1" s="74"/>
      <c r="D1" s="74"/>
      <c r="E1" s="74"/>
      <c r="F1" s="74"/>
      <c r="G1" s="75"/>
      <c r="H1" s="76" t="s">
        <v>1</v>
      </c>
      <c r="I1" s="76"/>
      <c r="J1" s="77" t="s">
        <v>3</v>
      </c>
      <c r="K1" s="74"/>
      <c r="L1" s="74"/>
      <c r="M1" s="74"/>
      <c r="N1" s="74"/>
      <c r="O1" s="75"/>
      <c r="P1" s="77" t="s">
        <v>4</v>
      </c>
      <c r="Q1" s="74"/>
      <c r="R1" s="74"/>
      <c r="S1" s="74"/>
      <c r="T1" s="74"/>
      <c r="U1" s="74"/>
      <c r="V1" s="74"/>
      <c r="W1" s="75"/>
    </row>
    <row r="2" spans="1:23" ht="24" customHeight="1" x14ac:dyDescent="0.15">
      <c r="A2" s="47"/>
      <c r="B2" s="3"/>
      <c r="C2" s="3"/>
      <c r="D2" s="3"/>
      <c r="E2" s="3"/>
      <c r="F2" s="3"/>
      <c r="G2" s="4"/>
      <c r="H2" s="78" t="s">
        <v>5</v>
      </c>
      <c r="I2" s="78"/>
      <c r="J2" s="5" t="s">
        <v>6</v>
      </c>
      <c r="K2" s="49" t="s">
        <v>7</v>
      </c>
      <c r="L2" s="49"/>
      <c r="M2" s="49"/>
      <c r="N2" s="49"/>
      <c r="O2" s="50"/>
      <c r="P2" s="63" t="s">
        <v>29</v>
      </c>
      <c r="Q2" s="64"/>
      <c r="R2" s="64"/>
      <c r="S2" s="64"/>
      <c r="T2" s="64"/>
      <c r="U2" s="64"/>
      <c r="V2" s="64"/>
      <c r="W2" s="65"/>
    </row>
    <row r="3" spans="1:23" ht="24" customHeight="1" x14ac:dyDescent="0.15">
      <c r="A3" s="47"/>
      <c r="B3" s="6"/>
      <c r="C3" s="6"/>
      <c r="D3" s="6"/>
      <c r="E3" s="6"/>
      <c r="F3" s="6"/>
      <c r="G3" s="7"/>
      <c r="H3" s="66" t="s">
        <v>5</v>
      </c>
      <c r="I3" s="66"/>
      <c r="J3" s="8" t="s">
        <v>6</v>
      </c>
      <c r="K3" s="51" t="s">
        <v>7</v>
      </c>
      <c r="L3" s="51"/>
      <c r="M3" s="51"/>
      <c r="N3" s="51"/>
      <c r="O3" s="52"/>
      <c r="P3" s="53" t="s">
        <v>30</v>
      </c>
      <c r="Q3" s="54"/>
      <c r="R3" s="54"/>
      <c r="S3" s="54"/>
      <c r="T3" s="54"/>
      <c r="U3" s="54"/>
      <c r="V3" s="54"/>
      <c r="W3" s="55"/>
    </row>
    <row r="4" spans="1:23" ht="24" customHeight="1" x14ac:dyDescent="0.15">
      <c r="A4" s="48"/>
      <c r="B4" s="9"/>
      <c r="C4" s="10"/>
      <c r="D4" s="10"/>
      <c r="E4" s="10"/>
      <c r="F4" s="10"/>
      <c r="G4" s="11"/>
      <c r="H4" s="68" t="s">
        <v>5</v>
      </c>
      <c r="I4" s="68"/>
      <c r="J4" s="12" t="s">
        <v>6</v>
      </c>
      <c r="K4" s="56" t="s">
        <v>7</v>
      </c>
      <c r="L4" s="56"/>
      <c r="M4" s="56"/>
      <c r="N4" s="56"/>
      <c r="O4" s="57"/>
      <c r="P4" s="69" t="s">
        <v>30</v>
      </c>
      <c r="Q4" s="70"/>
      <c r="R4" s="70"/>
      <c r="S4" s="70"/>
      <c r="T4" s="70"/>
      <c r="U4" s="70"/>
      <c r="V4" s="70"/>
      <c r="W4" s="71"/>
    </row>
    <row r="5" spans="1:23" ht="13.5" customHeight="1" x14ac:dyDescent="0.15">
      <c r="H5" s="13"/>
      <c r="I5" s="13"/>
      <c r="J5" s="13"/>
      <c r="K5" s="13"/>
      <c r="L5" s="13"/>
      <c r="M5" s="13"/>
      <c r="N5" s="13"/>
      <c r="O5" s="13"/>
      <c r="P5" s="13"/>
    </row>
    <row r="6" spans="1:23" ht="33.75" customHeight="1" x14ac:dyDescent="0.2">
      <c r="A6" s="72" t="s">
        <v>31</v>
      </c>
      <c r="B6" s="72"/>
      <c r="C6" s="72"/>
      <c r="D6" s="72"/>
      <c r="E6" s="72"/>
      <c r="F6" s="72"/>
      <c r="G6" s="72"/>
      <c r="H6" s="72"/>
      <c r="I6" s="72"/>
      <c r="J6" s="72"/>
      <c r="K6" s="72"/>
      <c r="L6" s="72"/>
      <c r="M6" s="72"/>
      <c r="N6" s="72"/>
      <c r="O6" s="72"/>
      <c r="P6" s="72"/>
      <c r="Q6" s="72"/>
      <c r="R6" s="72"/>
      <c r="S6" s="72"/>
      <c r="T6" s="72"/>
      <c r="U6" s="72"/>
      <c r="V6" s="72"/>
      <c r="W6" s="72"/>
    </row>
    <row r="7" spans="1:23" ht="6" customHeight="1" x14ac:dyDescent="0.15"/>
    <row r="8" spans="1:23" ht="18" customHeight="1" x14ac:dyDescent="0.15">
      <c r="A8" s="59" t="s">
        <v>8</v>
      </c>
      <c r="B8" s="60"/>
      <c r="C8" s="60"/>
      <c r="D8" s="60"/>
      <c r="E8" s="60"/>
      <c r="F8" s="60"/>
      <c r="G8" s="60"/>
      <c r="H8" s="60"/>
      <c r="I8" s="60"/>
      <c r="J8" s="60"/>
      <c r="K8" s="60"/>
      <c r="L8" s="60"/>
      <c r="M8" s="60"/>
      <c r="N8" s="60"/>
      <c r="O8" s="60"/>
      <c r="P8" s="60"/>
      <c r="Q8" s="60"/>
      <c r="R8" s="60"/>
      <c r="S8" s="60"/>
      <c r="T8" s="60"/>
      <c r="U8" s="60"/>
      <c r="V8" s="60"/>
      <c r="W8" s="61"/>
    </row>
    <row r="9" spans="1:23" ht="31.5" customHeight="1" x14ac:dyDescent="0.15">
      <c r="A9" s="15"/>
      <c r="B9" s="62" t="s">
        <v>9</v>
      </c>
      <c r="C9" s="62"/>
      <c r="D9" s="62"/>
      <c r="E9" s="13" t="s">
        <v>10</v>
      </c>
      <c r="F9" s="16"/>
      <c r="G9" s="16"/>
      <c r="H9" s="16"/>
      <c r="I9" s="16"/>
      <c r="J9" s="16"/>
      <c r="K9" s="16"/>
      <c r="L9" s="16"/>
      <c r="M9" s="16"/>
      <c r="N9" s="16"/>
      <c r="O9" s="16"/>
      <c r="P9" s="16"/>
      <c r="Q9" s="79" t="s">
        <v>11</v>
      </c>
      <c r="R9" s="79"/>
      <c r="S9" s="79"/>
      <c r="T9" s="79"/>
      <c r="U9" s="80"/>
      <c r="V9" s="80"/>
      <c r="W9" s="14"/>
    </row>
    <row r="10" spans="1:23" ht="31.5" customHeight="1" x14ac:dyDescent="0.15">
      <c r="A10" s="15"/>
      <c r="B10" s="62" t="s">
        <v>0</v>
      </c>
      <c r="C10" s="62"/>
      <c r="D10" s="62"/>
      <c r="E10" s="13" t="s">
        <v>10</v>
      </c>
      <c r="F10" s="16" t="s">
        <v>32</v>
      </c>
      <c r="G10" s="16"/>
      <c r="H10" s="16"/>
      <c r="I10" s="16"/>
      <c r="J10" s="16"/>
      <c r="K10" s="16"/>
      <c r="L10" s="16"/>
      <c r="M10" s="16"/>
      <c r="N10" s="16"/>
      <c r="O10" s="16"/>
      <c r="P10" s="16"/>
      <c r="Q10" s="16"/>
      <c r="R10" s="13"/>
      <c r="T10" s="13" t="s">
        <v>12</v>
      </c>
      <c r="U10" s="13"/>
      <c r="W10" s="14"/>
    </row>
    <row r="11" spans="1:23" ht="31.5" customHeight="1" x14ac:dyDescent="0.15">
      <c r="A11" s="15"/>
      <c r="B11" s="62" t="s">
        <v>13</v>
      </c>
      <c r="C11" s="62"/>
      <c r="D11" s="62"/>
      <c r="E11" s="13" t="s">
        <v>10</v>
      </c>
      <c r="F11" s="16"/>
      <c r="G11" s="16"/>
      <c r="H11" s="16"/>
      <c r="I11" s="16"/>
      <c r="J11" s="16"/>
      <c r="K11" s="16"/>
      <c r="L11" s="16"/>
      <c r="M11" s="16"/>
      <c r="N11" s="16"/>
      <c r="O11" s="16"/>
      <c r="P11" s="16"/>
      <c r="Q11" s="16"/>
      <c r="R11" s="16"/>
      <c r="S11" s="16"/>
      <c r="T11" s="16"/>
      <c r="U11" s="16"/>
      <c r="V11" s="16"/>
      <c r="W11" s="14"/>
    </row>
    <row r="12" spans="1:23" ht="31.5" customHeight="1" x14ac:dyDescent="0.15">
      <c r="A12" s="15"/>
      <c r="B12" s="62" t="s">
        <v>14</v>
      </c>
      <c r="C12" s="62"/>
      <c r="D12" s="62"/>
      <c r="E12" s="13" t="s">
        <v>10</v>
      </c>
      <c r="F12" s="67" t="s">
        <v>33</v>
      </c>
      <c r="G12" s="67"/>
      <c r="H12" s="67"/>
      <c r="I12" s="67"/>
      <c r="J12" s="67"/>
      <c r="K12" s="67"/>
      <c r="L12" s="67"/>
      <c r="M12" s="67"/>
      <c r="N12" s="67" t="s">
        <v>34</v>
      </c>
      <c r="O12" s="67"/>
      <c r="P12" s="67"/>
      <c r="Q12" s="67"/>
      <c r="R12" s="67"/>
      <c r="S12" s="67"/>
      <c r="T12" s="67"/>
      <c r="U12" s="67"/>
      <c r="W12" s="14"/>
    </row>
    <row r="13" spans="1:23" ht="18" customHeight="1" x14ac:dyDescent="0.15">
      <c r="A13" s="17" t="s">
        <v>15</v>
      </c>
      <c r="B13" s="18"/>
      <c r="C13" s="18"/>
      <c r="D13" s="18"/>
      <c r="E13" s="91"/>
      <c r="F13" s="91"/>
      <c r="G13" s="91"/>
      <c r="H13" s="91"/>
      <c r="I13" s="91"/>
      <c r="J13" s="91"/>
      <c r="K13" s="92"/>
      <c r="L13" s="17" t="s">
        <v>16</v>
      </c>
      <c r="M13" s="18"/>
      <c r="N13" s="18"/>
      <c r="O13" s="18"/>
      <c r="P13" s="18"/>
      <c r="Q13" s="18"/>
      <c r="R13" s="91"/>
      <c r="S13" s="91"/>
      <c r="T13" s="91"/>
      <c r="U13" s="91"/>
      <c r="V13" s="91"/>
      <c r="W13" s="92"/>
    </row>
    <row r="14" spans="1:23" ht="23.25" customHeight="1" x14ac:dyDescent="0.15">
      <c r="A14" s="20"/>
      <c r="B14" s="93" t="s">
        <v>17</v>
      </c>
      <c r="C14" s="93"/>
      <c r="D14" s="93"/>
      <c r="E14" s="93"/>
      <c r="F14" s="93"/>
      <c r="G14" s="93"/>
      <c r="H14" s="93"/>
      <c r="I14" s="93"/>
      <c r="J14" s="93"/>
      <c r="K14" s="94"/>
      <c r="L14" s="20"/>
      <c r="M14" s="21"/>
      <c r="N14" s="25"/>
      <c r="O14" s="25"/>
      <c r="P14" s="21"/>
      <c r="Q14" s="21"/>
      <c r="R14" s="21"/>
      <c r="S14" s="21"/>
      <c r="T14" s="25"/>
      <c r="U14" s="25"/>
      <c r="V14" s="21"/>
      <c r="W14" s="22"/>
    </row>
    <row r="15" spans="1:23" ht="18" customHeight="1" x14ac:dyDescent="0.15">
      <c r="A15" s="17" t="s">
        <v>18</v>
      </c>
      <c r="B15" s="18"/>
      <c r="C15" s="18"/>
      <c r="D15" s="18"/>
      <c r="E15" s="91"/>
      <c r="F15" s="91"/>
      <c r="G15" s="91"/>
      <c r="H15" s="91"/>
      <c r="I15" s="91"/>
      <c r="J15" s="91"/>
      <c r="K15" s="91"/>
      <c r="L15" s="17" t="s">
        <v>19</v>
      </c>
      <c r="M15" s="18"/>
      <c r="N15" s="18"/>
      <c r="O15" s="18"/>
      <c r="P15" s="18"/>
      <c r="Q15" s="18"/>
      <c r="R15" s="18"/>
      <c r="S15" s="18"/>
      <c r="T15" s="18"/>
      <c r="U15" s="18"/>
      <c r="V15" s="18"/>
      <c r="W15" s="19"/>
    </row>
    <row r="16" spans="1:23" ht="18" customHeight="1" x14ac:dyDescent="0.15">
      <c r="A16" s="15"/>
      <c r="E16" s="13"/>
      <c r="F16" s="13"/>
      <c r="G16" s="13"/>
      <c r="H16" s="13"/>
      <c r="I16" s="13"/>
      <c r="J16" s="13"/>
      <c r="K16" s="13"/>
      <c r="L16" s="15"/>
      <c r="M16" s="2" t="s">
        <v>20</v>
      </c>
      <c r="W16" s="14"/>
    </row>
    <row r="17" spans="1:23" ht="23.45" customHeight="1" x14ac:dyDescent="0.15">
      <c r="A17" s="20"/>
      <c r="B17" s="21"/>
      <c r="C17" s="21"/>
      <c r="D17" s="21"/>
      <c r="E17" s="21"/>
      <c r="F17" s="21"/>
      <c r="G17" s="21"/>
      <c r="H17" s="21"/>
      <c r="I17" s="21"/>
      <c r="J17" s="21"/>
      <c r="K17" s="21"/>
      <c r="L17" s="20"/>
      <c r="M17" s="21" t="s">
        <v>21</v>
      </c>
      <c r="N17" s="21"/>
      <c r="O17" s="21"/>
      <c r="P17" s="21"/>
      <c r="Q17" s="21"/>
      <c r="R17" s="21"/>
      <c r="S17" s="21"/>
      <c r="T17" s="21"/>
      <c r="U17" s="21"/>
      <c r="V17" s="21"/>
      <c r="W17" s="22"/>
    </row>
    <row r="18" spans="1:23" ht="18" customHeight="1" x14ac:dyDescent="0.15">
      <c r="A18" s="17" t="s">
        <v>22</v>
      </c>
      <c r="B18" s="18"/>
      <c r="C18" s="18"/>
      <c r="D18" s="18"/>
      <c r="E18" s="18"/>
      <c r="F18" s="18"/>
      <c r="G18" s="18"/>
      <c r="H18" s="18"/>
      <c r="I18" s="18"/>
      <c r="J18" s="18"/>
      <c r="K18" s="18"/>
      <c r="L18" s="18"/>
      <c r="M18" s="18"/>
      <c r="N18" s="18"/>
      <c r="O18" s="18"/>
      <c r="P18" s="18"/>
      <c r="Q18" s="18"/>
      <c r="R18" s="18"/>
      <c r="S18" s="18"/>
      <c r="T18" s="18"/>
      <c r="U18" s="18"/>
      <c r="V18" s="18"/>
      <c r="W18" s="19"/>
    </row>
    <row r="19" spans="1:23" ht="18" customHeight="1" x14ac:dyDescent="0.15">
      <c r="A19" s="15"/>
      <c r="W19" s="14"/>
    </row>
    <row r="20" spans="1:23" ht="18" customHeight="1" x14ac:dyDescent="0.15">
      <c r="A20" s="15"/>
      <c r="W20" s="14"/>
    </row>
    <row r="21" spans="1:23" ht="18" customHeight="1" x14ac:dyDescent="0.15">
      <c r="A21" s="15"/>
      <c r="W21" s="14"/>
    </row>
    <row r="22" spans="1:23" ht="13.5" customHeight="1" x14ac:dyDescent="0.15">
      <c r="A22" s="15"/>
      <c r="W22" s="14"/>
    </row>
    <row r="23" spans="1:23" x14ac:dyDescent="0.15">
      <c r="A23" s="20"/>
      <c r="B23" s="21"/>
      <c r="C23" s="21"/>
      <c r="D23" s="21"/>
      <c r="E23" s="21"/>
      <c r="F23" s="21"/>
      <c r="G23" s="21"/>
      <c r="H23" s="21"/>
      <c r="I23" s="21"/>
      <c r="J23" s="21"/>
      <c r="K23" s="21"/>
      <c r="L23" s="21"/>
      <c r="M23" s="21"/>
      <c r="N23" s="21"/>
      <c r="O23" s="21"/>
      <c r="P23" s="21"/>
      <c r="Q23" s="21"/>
      <c r="R23" s="21"/>
      <c r="S23" s="21"/>
      <c r="T23" s="21"/>
      <c r="U23" s="21"/>
      <c r="V23" s="21"/>
      <c r="W23" s="22"/>
    </row>
    <row r="24" spans="1:23" ht="17.100000000000001" customHeight="1" x14ac:dyDescent="0.15">
      <c r="A24" s="26" t="s">
        <v>35</v>
      </c>
      <c r="B24" s="13"/>
      <c r="C24" s="13"/>
      <c r="D24" s="13"/>
      <c r="E24" s="13"/>
      <c r="F24" s="13"/>
      <c r="G24" s="13"/>
      <c r="H24" s="13"/>
      <c r="I24" s="13"/>
      <c r="J24" s="13"/>
      <c r="K24" s="13"/>
      <c r="L24" s="13"/>
      <c r="M24" s="13"/>
      <c r="N24" s="13"/>
      <c r="O24" s="13"/>
      <c r="P24" s="13"/>
      <c r="Q24" s="13"/>
      <c r="R24" s="13"/>
      <c r="S24" s="13"/>
      <c r="T24" s="13"/>
      <c r="U24" s="13"/>
      <c r="V24" s="13"/>
      <c r="W24" s="27"/>
    </row>
    <row r="25" spans="1:23" ht="17.100000000000001" customHeight="1" x14ac:dyDescent="0.15">
      <c r="A25" s="28"/>
      <c r="B25" s="73" t="s">
        <v>36</v>
      </c>
      <c r="C25" s="29" t="s">
        <v>37</v>
      </c>
      <c r="D25" s="29"/>
      <c r="E25" s="30"/>
      <c r="F25" s="30"/>
      <c r="G25" s="30"/>
      <c r="H25" s="30"/>
      <c r="I25" s="30"/>
      <c r="J25" s="30"/>
      <c r="K25" s="30"/>
      <c r="L25" s="30"/>
      <c r="M25" s="30"/>
      <c r="N25" s="30"/>
      <c r="O25" s="30"/>
      <c r="P25" s="30"/>
      <c r="Q25" s="30"/>
      <c r="R25" s="30"/>
      <c r="S25" s="30"/>
      <c r="T25" s="30"/>
      <c r="U25" s="30"/>
      <c r="V25" s="31"/>
      <c r="W25" s="27"/>
    </row>
    <row r="26" spans="1:23" ht="17.100000000000001" customHeight="1" x14ac:dyDescent="0.15">
      <c r="A26" s="28"/>
      <c r="B26" s="47"/>
      <c r="C26" s="32" t="s">
        <v>38</v>
      </c>
      <c r="D26" s="32"/>
      <c r="E26" s="13"/>
      <c r="F26" s="13"/>
      <c r="G26" s="13"/>
      <c r="H26" s="13"/>
      <c r="I26" s="13"/>
      <c r="J26" s="13"/>
      <c r="K26" s="13"/>
      <c r="L26" s="13"/>
      <c r="M26" s="13"/>
      <c r="N26" s="13"/>
      <c r="O26" s="13"/>
      <c r="P26" s="13"/>
      <c r="Q26" s="13"/>
      <c r="R26" s="13"/>
      <c r="S26" s="13"/>
      <c r="T26" s="13"/>
      <c r="U26" s="13"/>
      <c r="V26" s="27"/>
      <c r="W26" s="27"/>
    </row>
    <row r="27" spans="1:23" ht="17.100000000000001" customHeight="1" x14ac:dyDescent="0.15">
      <c r="A27" s="28"/>
      <c r="B27" s="47"/>
      <c r="C27" s="32" t="s">
        <v>39</v>
      </c>
      <c r="D27" s="32"/>
      <c r="E27" s="13"/>
      <c r="F27" s="13"/>
      <c r="G27" s="13"/>
      <c r="H27" s="13"/>
      <c r="I27" s="13"/>
      <c r="J27" s="13"/>
      <c r="K27" s="13"/>
      <c r="L27" s="13"/>
      <c r="M27" s="13"/>
      <c r="N27" s="13"/>
      <c r="O27" s="13"/>
      <c r="P27" s="13"/>
      <c r="Q27" s="13"/>
      <c r="R27" s="13"/>
      <c r="S27" s="13"/>
      <c r="T27" s="13"/>
      <c r="U27" s="13"/>
      <c r="V27" s="27"/>
      <c r="W27" s="27"/>
    </row>
    <row r="28" spans="1:23" ht="17.100000000000001" customHeight="1" x14ac:dyDescent="0.15">
      <c r="A28" s="28"/>
      <c r="B28" s="47"/>
      <c r="C28" s="32" t="s">
        <v>40</v>
      </c>
      <c r="D28" s="33"/>
      <c r="E28" s="13"/>
      <c r="F28" s="13"/>
      <c r="G28" s="13"/>
      <c r="H28" s="13"/>
      <c r="I28" s="13"/>
      <c r="J28" s="13"/>
      <c r="K28" s="13"/>
      <c r="L28" s="13"/>
      <c r="M28" s="13"/>
      <c r="N28" s="13"/>
      <c r="O28" s="13"/>
      <c r="P28" s="13"/>
      <c r="Q28" s="13"/>
      <c r="R28" s="13"/>
      <c r="S28" s="13"/>
      <c r="T28" s="13"/>
      <c r="U28" s="13"/>
      <c r="V28" s="27"/>
      <c r="W28" s="27"/>
    </row>
    <row r="29" spans="1:23" ht="17.100000000000001" customHeight="1" x14ac:dyDescent="0.15">
      <c r="A29" s="28"/>
      <c r="B29" s="47"/>
      <c r="C29" s="32" t="s">
        <v>41</v>
      </c>
      <c r="D29" s="1"/>
      <c r="E29" s="13"/>
      <c r="F29" s="13"/>
      <c r="G29" s="13"/>
      <c r="H29" s="13"/>
      <c r="I29" s="13"/>
      <c r="J29" s="13"/>
      <c r="K29" s="13"/>
      <c r="L29" s="13"/>
      <c r="M29" s="13"/>
      <c r="N29" s="13"/>
      <c r="O29" s="13"/>
      <c r="P29" s="13"/>
      <c r="Q29" s="13"/>
      <c r="R29" s="13"/>
      <c r="S29" s="13"/>
      <c r="T29" s="13"/>
      <c r="U29" s="13"/>
      <c r="V29" s="27"/>
      <c r="W29" s="27"/>
    </row>
    <row r="30" spans="1:23" ht="17.100000000000001" customHeight="1" x14ac:dyDescent="0.15">
      <c r="A30" s="28"/>
      <c r="B30" s="47"/>
      <c r="C30" s="32" t="s">
        <v>42</v>
      </c>
      <c r="D30" s="1"/>
      <c r="E30" s="13"/>
      <c r="F30" s="13"/>
      <c r="G30" s="13"/>
      <c r="H30" s="13"/>
      <c r="I30" s="13"/>
      <c r="J30" s="13"/>
      <c r="K30" s="13"/>
      <c r="L30" s="13"/>
      <c r="M30" s="13"/>
      <c r="N30" s="13"/>
      <c r="O30" s="13"/>
      <c r="P30" s="13"/>
      <c r="Q30" s="13"/>
      <c r="R30" s="13"/>
      <c r="S30" s="13"/>
      <c r="T30" s="13"/>
      <c r="U30" s="13"/>
      <c r="V30" s="27"/>
      <c r="W30" s="27"/>
    </row>
    <row r="31" spans="1:23" ht="17.100000000000001" customHeight="1" x14ac:dyDescent="0.15">
      <c r="A31" s="28"/>
      <c r="B31" s="48"/>
      <c r="C31" s="34" t="s">
        <v>43</v>
      </c>
      <c r="D31" s="35"/>
      <c r="E31" s="25"/>
      <c r="F31" s="25"/>
      <c r="G31" s="25"/>
      <c r="H31" s="25"/>
      <c r="I31" s="25"/>
      <c r="J31" s="25"/>
      <c r="K31" s="25"/>
      <c r="L31" s="25"/>
      <c r="M31" s="25"/>
      <c r="N31" s="25"/>
      <c r="O31" s="25"/>
      <c r="P31" s="25"/>
      <c r="Q31" s="25"/>
      <c r="R31" s="25"/>
      <c r="S31" s="25"/>
      <c r="T31" s="25"/>
      <c r="U31" s="25"/>
      <c r="V31" s="36"/>
      <c r="W31" s="27"/>
    </row>
    <row r="32" spans="1:23" ht="17.100000000000001" customHeight="1" x14ac:dyDescent="0.15">
      <c r="A32" s="28"/>
      <c r="B32" s="73" t="s">
        <v>44</v>
      </c>
      <c r="C32" s="32" t="s">
        <v>45</v>
      </c>
      <c r="D32" s="1"/>
      <c r="E32" s="13"/>
      <c r="F32" s="13"/>
      <c r="G32" s="13"/>
      <c r="H32" s="13"/>
      <c r="I32" s="13"/>
      <c r="J32" s="13"/>
      <c r="K32" s="13"/>
      <c r="L32" s="13"/>
      <c r="M32" s="13"/>
      <c r="N32" s="13"/>
      <c r="O32" s="13"/>
      <c r="P32" s="13"/>
      <c r="Q32" s="13"/>
      <c r="R32" s="13"/>
      <c r="S32" s="13"/>
      <c r="T32" s="13"/>
      <c r="U32" s="13"/>
      <c r="V32" s="27"/>
      <c r="W32" s="27"/>
    </row>
    <row r="33" spans="1:23" ht="17.100000000000001" customHeight="1" x14ac:dyDescent="0.15">
      <c r="A33" s="28"/>
      <c r="B33" s="47"/>
      <c r="C33" s="32" t="s">
        <v>46</v>
      </c>
      <c r="D33" s="1"/>
      <c r="E33" s="13"/>
      <c r="F33" s="13"/>
      <c r="G33" s="13"/>
      <c r="H33" s="13"/>
      <c r="I33" s="13"/>
      <c r="J33" s="13"/>
      <c r="K33" s="13"/>
      <c r="L33" s="13"/>
      <c r="M33" s="13"/>
      <c r="N33" s="13"/>
      <c r="O33" s="13"/>
      <c r="P33" s="13"/>
      <c r="Q33" s="13"/>
      <c r="R33" s="13"/>
      <c r="S33" s="13"/>
      <c r="T33" s="13"/>
      <c r="U33" s="13"/>
      <c r="V33" s="27"/>
      <c r="W33" s="27"/>
    </row>
    <row r="34" spans="1:23" ht="17.100000000000001" customHeight="1" x14ac:dyDescent="0.15">
      <c r="A34" s="28"/>
      <c r="B34" s="48"/>
      <c r="C34" s="34" t="s">
        <v>47</v>
      </c>
      <c r="D34" s="23"/>
      <c r="E34" s="25"/>
      <c r="F34" s="25"/>
      <c r="G34" s="25"/>
      <c r="H34" s="25"/>
      <c r="I34" s="25"/>
      <c r="J34" s="25"/>
      <c r="K34" s="25"/>
      <c r="L34" s="25"/>
      <c r="M34" s="25"/>
      <c r="N34" s="25"/>
      <c r="O34" s="25"/>
      <c r="P34" s="25"/>
      <c r="Q34" s="25"/>
      <c r="R34" s="25"/>
      <c r="S34" s="25"/>
      <c r="T34" s="25"/>
      <c r="U34" s="25"/>
      <c r="V34" s="36"/>
      <c r="W34" s="27"/>
    </row>
    <row r="35" spans="1:23" ht="17.100000000000001" customHeight="1" x14ac:dyDescent="0.15">
      <c r="A35" s="28"/>
      <c r="B35" s="13"/>
      <c r="C35" s="32" t="s">
        <v>48</v>
      </c>
      <c r="D35" s="13"/>
      <c r="E35" s="13"/>
      <c r="F35" s="13"/>
      <c r="G35" s="13"/>
      <c r="H35" s="13"/>
      <c r="I35" s="13"/>
      <c r="J35" s="13"/>
      <c r="K35" s="13"/>
      <c r="L35" s="13"/>
      <c r="M35" s="13"/>
      <c r="N35" s="13"/>
      <c r="O35" s="13"/>
      <c r="P35" s="13"/>
      <c r="Q35" s="13"/>
      <c r="R35" s="13"/>
      <c r="S35" s="13"/>
      <c r="T35" s="13"/>
      <c r="U35" s="13"/>
      <c r="V35" s="13"/>
      <c r="W35" s="27"/>
    </row>
    <row r="36" spans="1:23" x14ac:dyDescent="0.15">
      <c r="A36" s="17"/>
      <c r="B36" s="18"/>
      <c r="C36" s="18"/>
      <c r="D36" s="18"/>
      <c r="E36" s="18"/>
      <c r="F36" s="18"/>
      <c r="G36" s="18"/>
      <c r="H36" s="18"/>
      <c r="I36" s="18"/>
      <c r="J36" s="18"/>
      <c r="K36" s="18"/>
      <c r="L36" s="18"/>
      <c r="M36" s="18"/>
      <c r="N36" s="18"/>
      <c r="O36" s="18"/>
      <c r="P36" s="81" t="s">
        <v>23</v>
      </c>
      <c r="Q36" s="81"/>
      <c r="R36" s="81"/>
      <c r="S36" s="81"/>
      <c r="T36" s="81"/>
      <c r="U36" s="81"/>
      <c r="V36" s="81"/>
      <c r="W36" s="82"/>
    </row>
    <row r="37" spans="1:23" x14ac:dyDescent="0.15">
      <c r="A37" s="15"/>
      <c r="B37" s="2" t="s">
        <v>49</v>
      </c>
      <c r="P37" s="58"/>
      <c r="Q37" s="58"/>
      <c r="R37" s="58"/>
      <c r="S37" s="58"/>
      <c r="T37" s="58"/>
      <c r="U37" s="58"/>
      <c r="V37" s="58"/>
      <c r="W37" s="83"/>
    </row>
    <row r="38" spans="1:23" x14ac:dyDescent="0.15">
      <c r="A38" s="15"/>
      <c r="R38" s="37" t="s">
        <v>24</v>
      </c>
      <c r="S38" s="13"/>
      <c r="T38" s="13"/>
      <c r="U38" s="13"/>
      <c r="W38" s="14"/>
    </row>
    <row r="39" spans="1:23" x14ac:dyDescent="0.15">
      <c r="A39" s="15"/>
      <c r="B39" s="2" t="s">
        <v>25</v>
      </c>
      <c r="W39" s="14"/>
    </row>
    <row r="40" spans="1:23" x14ac:dyDescent="0.15">
      <c r="A40" s="15"/>
      <c r="W40" s="14"/>
    </row>
    <row r="41" spans="1:23" x14ac:dyDescent="0.15">
      <c r="A41" s="15"/>
      <c r="B41" s="2" t="s">
        <v>26</v>
      </c>
      <c r="P41" s="2" t="s">
        <v>27</v>
      </c>
      <c r="W41" s="14"/>
    </row>
    <row r="42" spans="1:23" x14ac:dyDescent="0.15">
      <c r="A42" s="20"/>
      <c r="B42" s="21"/>
      <c r="C42" s="21"/>
      <c r="D42" s="21"/>
      <c r="E42" s="21"/>
      <c r="F42" s="21"/>
      <c r="G42" s="21"/>
      <c r="H42" s="21"/>
      <c r="I42" s="21"/>
      <c r="J42" s="21"/>
      <c r="K42" s="21"/>
      <c r="L42" s="21"/>
      <c r="M42" s="21"/>
      <c r="N42" s="21"/>
      <c r="O42" s="21"/>
      <c r="P42" s="21"/>
      <c r="Q42" s="21"/>
      <c r="R42" s="21"/>
      <c r="S42" s="21"/>
      <c r="T42" s="21"/>
      <c r="U42" s="21"/>
      <c r="V42" s="21"/>
      <c r="W42" s="22"/>
    </row>
    <row r="43" spans="1:23" s="24" customFormat="1" ht="32.25" customHeight="1" thickBot="1" x14ac:dyDescent="0.2">
      <c r="A43" s="84"/>
      <c r="B43" s="84"/>
      <c r="C43" s="84"/>
      <c r="D43" s="84"/>
      <c r="E43" s="84"/>
      <c r="F43" s="84"/>
      <c r="G43" s="84"/>
      <c r="H43" s="84"/>
      <c r="I43" s="84"/>
      <c r="J43" s="84"/>
      <c r="K43" s="84"/>
      <c r="L43" s="84"/>
      <c r="M43" s="84"/>
      <c r="N43" s="84"/>
      <c r="O43" s="84"/>
      <c r="P43" s="84"/>
      <c r="Q43" s="84"/>
      <c r="R43" s="84"/>
      <c r="S43" s="84"/>
      <c r="T43" s="84"/>
      <c r="U43" s="84"/>
      <c r="V43" s="84"/>
      <c r="W43" s="84"/>
    </row>
    <row r="44" spans="1:23" ht="15" thickTop="1" x14ac:dyDescent="0.15">
      <c r="A44" s="85" t="s">
        <v>50</v>
      </c>
      <c r="B44" s="86"/>
      <c r="C44" s="86"/>
      <c r="D44" s="86"/>
      <c r="E44" s="86"/>
      <c r="F44" s="86"/>
      <c r="G44" s="86"/>
      <c r="H44" s="86"/>
      <c r="I44" s="86"/>
      <c r="J44" s="86"/>
      <c r="K44" s="86"/>
      <c r="L44" s="86"/>
      <c r="M44" s="86"/>
      <c r="N44" s="86"/>
      <c r="O44" s="86"/>
      <c r="P44" s="86"/>
      <c r="Q44" s="86"/>
      <c r="R44" s="86"/>
      <c r="S44" s="86"/>
      <c r="T44" s="86"/>
      <c r="U44" s="86"/>
      <c r="V44" s="86"/>
      <c r="W44" s="87"/>
    </row>
    <row r="45" spans="1:23" ht="9.75" customHeight="1" x14ac:dyDescent="0.15">
      <c r="A45" s="88"/>
      <c r="B45" s="89"/>
      <c r="C45" s="89"/>
      <c r="D45" s="89"/>
      <c r="E45" s="89"/>
      <c r="F45" s="89"/>
      <c r="G45" s="89"/>
      <c r="H45" s="89"/>
      <c r="I45" s="89"/>
      <c r="J45" s="89"/>
      <c r="K45" s="89"/>
      <c r="L45" s="89"/>
      <c r="M45" s="89"/>
      <c r="N45" s="89"/>
      <c r="O45" s="89"/>
      <c r="P45" s="89"/>
      <c r="Q45" s="89"/>
      <c r="R45" s="89"/>
      <c r="S45" s="89"/>
      <c r="T45" s="89"/>
      <c r="U45" s="89"/>
      <c r="V45" s="89"/>
      <c r="W45" s="90"/>
    </row>
    <row r="46" spans="1:23" ht="16.5" customHeight="1" x14ac:dyDescent="0.15">
      <c r="A46" s="38" t="s">
        <v>51</v>
      </c>
      <c r="G46" s="13" t="s">
        <v>52</v>
      </c>
      <c r="H46" s="13" t="s">
        <v>53</v>
      </c>
      <c r="I46" s="13" t="s">
        <v>54</v>
      </c>
      <c r="K46" s="39" t="s">
        <v>55</v>
      </c>
      <c r="L46" s="40"/>
      <c r="M46" s="40"/>
      <c r="N46" s="40"/>
      <c r="O46" s="40"/>
      <c r="P46" s="40"/>
      <c r="Q46" s="40"/>
      <c r="R46" s="40"/>
      <c r="S46" s="40"/>
      <c r="W46" s="41"/>
    </row>
    <row r="47" spans="1:23" ht="16.5" customHeight="1" x14ac:dyDescent="0.15">
      <c r="A47" s="38" t="s">
        <v>56</v>
      </c>
      <c r="G47" s="13"/>
      <c r="H47" s="13"/>
      <c r="I47" s="13"/>
      <c r="R47" s="42" t="s">
        <v>57</v>
      </c>
      <c r="S47" s="43"/>
      <c r="T47" s="40"/>
      <c r="W47" s="41"/>
    </row>
    <row r="48" spans="1:23" ht="16.5" customHeight="1" x14ac:dyDescent="0.15">
      <c r="A48" s="38" t="s">
        <v>58</v>
      </c>
      <c r="G48" s="13"/>
      <c r="H48" s="13"/>
      <c r="I48" s="13"/>
      <c r="W48" s="41"/>
    </row>
    <row r="49" spans="1:23" ht="16.5" customHeight="1" x14ac:dyDescent="0.15">
      <c r="A49" s="38" t="s">
        <v>59</v>
      </c>
      <c r="W49" s="41"/>
    </row>
    <row r="50" spans="1:23" ht="16.5" customHeight="1" x14ac:dyDescent="0.15">
      <c r="A50" s="38" t="s">
        <v>60</v>
      </c>
      <c r="W50" s="41"/>
    </row>
    <row r="51" spans="1:23" ht="9.75" customHeight="1" thickBot="1" x14ac:dyDescent="0.2">
      <c r="A51" s="44"/>
      <c r="B51" s="45"/>
      <c r="C51" s="45"/>
      <c r="D51" s="45"/>
      <c r="E51" s="45"/>
      <c r="F51" s="45"/>
      <c r="G51" s="45"/>
      <c r="H51" s="45"/>
      <c r="I51" s="45"/>
      <c r="J51" s="45"/>
      <c r="K51" s="45"/>
      <c r="L51" s="45"/>
      <c r="M51" s="45"/>
      <c r="N51" s="45"/>
      <c r="O51" s="45"/>
      <c r="P51" s="45"/>
      <c r="Q51" s="45"/>
      <c r="R51" s="45"/>
      <c r="S51" s="45"/>
      <c r="T51" s="45"/>
      <c r="U51" s="45"/>
      <c r="V51" s="45"/>
      <c r="W51" s="46"/>
    </row>
    <row r="52" spans="1:23" ht="15" thickTop="1" x14ac:dyDescent="0.15"/>
  </sheetData>
  <mergeCells count="33">
    <mergeCell ref="B10:D10"/>
    <mergeCell ref="B11:D11"/>
    <mergeCell ref="P36:W37"/>
    <mergeCell ref="A43:W43"/>
    <mergeCell ref="A44:W45"/>
    <mergeCell ref="E13:K13"/>
    <mergeCell ref="R13:W13"/>
    <mergeCell ref="B14:K14"/>
    <mergeCell ref="E15:K15"/>
    <mergeCell ref="B25:B31"/>
    <mergeCell ref="B32:B34"/>
    <mergeCell ref="P1:W1"/>
    <mergeCell ref="H2:I2"/>
    <mergeCell ref="K2:O2"/>
    <mergeCell ref="B9:D9"/>
    <mergeCell ref="Q9:T9"/>
    <mergeCell ref="U9:V9"/>
    <mergeCell ref="P2:W2"/>
    <mergeCell ref="H3:I3"/>
    <mergeCell ref="K3:O3"/>
    <mergeCell ref="B12:D12"/>
    <mergeCell ref="F12:M12"/>
    <mergeCell ref="N12:U12"/>
    <mergeCell ref="P3:W3"/>
    <mergeCell ref="H4:I4"/>
    <mergeCell ref="K4:O4"/>
    <mergeCell ref="P4:W4"/>
    <mergeCell ref="A6:W6"/>
    <mergeCell ref="A8:W8"/>
    <mergeCell ref="A1:A4"/>
    <mergeCell ref="B1:G1"/>
    <mergeCell ref="H1:I1"/>
    <mergeCell ref="J1:O1"/>
  </mergeCells>
  <phoneticPr fontId="2"/>
  <printOptions horizontalCentered="1" verticalCentered="1"/>
  <pageMargins left="0.31496062992125984" right="0.31496062992125984" top="0.55118110236220474" bottom="0.55118110236220474" header="0.31496062992125984" footer="0.31496062992125984"/>
  <pageSetup paperSize="9" scale="8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7EBCD71E07457443AC31B133D42A0E34" ma:contentTypeVersion="14" ma:contentTypeDescription="新しいドキュメントを作成します。" ma:contentTypeScope="" ma:versionID="70125e4ab781043c60287bd4630e30c7">
  <xsd:schema xmlns:xsd="http://www.w3.org/2001/XMLSchema" xmlns:xs="http://www.w3.org/2001/XMLSchema" xmlns:p="http://schemas.microsoft.com/office/2006/metadata/properties" xmlns:ns2="c3f0207d-d5d6-4a52-92a4-56fc7d67dfb8" xmlns:ns3="6af4509c-bf81-477d-8d78-d92db982eff6" targetNamespace="http://schemas.microsoft.com/office/2006/metadata/properties" ma:root="true" ma:fieldsID="736e61c6c205ab5e4d7ea0d39b507572" ns2:_="" ns3:_="">
    <xsd:import namespace="c3f0207d-d5d6-4a52-92a4-56fc7d67dfb8"/>
    <xsd:import namespace="6af4509c-bf81-477d-8d78-d92db982eff6"/>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f0207d-d5d6-4a52-92a4-56fc7d67dfb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1"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6af4509c-bf81-477d-8d78-d92db982eff6"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ab13b757-a03a-4e10-8ca8-0508a9c35e93}" ma:internalName="TaxCatchAll" ma:showField="CatchAllData" ma:web="6af4509c-bf81-477d-8d78-d92db982eff6">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TaxCatchAll xmlns="6af4509c-bf81-477d-8d78-d92db982eff6" xsi:nil="true"/>
    <lcf76f155ced4ddcb4097134ff3c332f xmlns="c3f0207d-d5d6-4a52-92a4-56fc7d67dfb8">
      <Terms xmlns="http://schemas.microsoft.com/office/infopath/2007/PartnerControls"/>
    </lcf76f155ced4ddcb4097134ff3c332f>
    <SharedWithUsers xmlns="6af4509c-bf81-477d-8d78-d92db982eff6">
      <UserInfo>
        <DisplayName/>
        <AccountId xsi:nil="true"/>
        <AccountType/>
      </UserInfo>
    </SharedWithUsers>
    <MediaLengthInSeconds xmlns="c3f0207d-d5d6-4a52-92a4-56fc7d67dfb8"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524F8CA-A2D0-4C47-8842-F87C33B7FA9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3f0207d-d5d6-4a52-92a4-56fc7d67dfb8"/>
    <ds:schemaRef ds:uri="6af4509c-bf81-477d-8d78-d92db982eff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79A5062-3E92-41AD-9159-833629BDFE73}">
  <ds:schemaRefs>
    <ds:schemaRef ds:uri="http://schemas.microsoft.com/office/2006/documentManagement/types"/>
    <ds:schemaRef ds:uri="http://purl.org/dc/elements/1.1/"/>
    <ds:schemaRef ds:uri="http://schemas.microsoft.com/office/infopath/2007/PartnerControls"/>
    <ds:schemaRef ds:uri="http://schemas.openxmlformats.org/package/2006/metadata/core-properties"/>
    <ds:schemaRef ds:uri="http://www.w3.org/XML/1998/namespace"/>
    <ds:schemaRef ds:uri="6af4509c-bf81-477d-8d78-d92db982eff6"/>
    <ds:schemaRef ds:uri="c3f0207d-d5d6-4a52-92a4-56fc7d67dfb8"/>
    <ds:schemaRef ds:uri="http://schemas.microsoft.com/office/2006/metadata/properties"/>
    <ds:schemaRef ds:uri="http://purl.org/dc/dcmitype/"/>
    <ds:schemaRef ds:uri="http://purl.org/dc/terms/"/>
  </ds:schemaRefs>
</ds:datastoreItem>
</file>

<file path=customXml/itemProps3.xml><?xml version="1.0" encoding="utf-8"?>
<ds:datastoreItem xmlns:ds="http://schemas.openxmlformats.org/officeDocument/2006/customXml" ds:itemID="{AED5D762-8B30-42AB-9A98-B035B42401CC}">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診断書（看護介護用）</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粟國　由里江</cp:lastModifiedBy>
  <cp:revision/>
  <cp:lastPrinted>2026-02-13T07:31:55Z</cp:lastPrinted>
  <dcterms:created xsi:type="dcterms:W3CDTF">2010-08-24T08:00:05Z</dcterms:created>
  <dcterms:modified xsi:type="dcterms:W3CDTF">2026-02-13T08:15:4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EBCD71E07457443AC31B133D42A0E34</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